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5"/>
  </p:notesMasterIdLst>
  <p:sldIdLst>
    <p:sldId id="299" r:id="rId2"/>
    <p:sldId id="281" r:id="rId3"/>
    <p:sldId id="2147479242" r:id="rId4"/>
    <p:sldId id="2147479234" r:id="rId5"/>
    <p:sldId id="264" r:id="rId6"/>
    <p:sldId id="2147479238" r:id="rId7"/>
    <p:sldId id="2147479235" r:id="rId8"/>
    <p:sldId id="2147479237" r:id="rId9"/>
    <p:sldId id="2147479236" r:id="rId10"/>
    <p:sldId id="2147479239" r:id="rId11"/>
    <p:sldId id="282" r:id="rId12"/>
    <p:sldId id="265" r:id="rId13"/>
    <p:sldId id="2147479241" r:id="rId14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F2F2"/>
    <a:srgbClr val="AFCDE1"/>
    <a:srgbClr val="008F83"/>
    <a:srgbClr val="00403F"/>
    <a:srgbClr val="3B3B3C"/>
    <a:srgbClr val="9B95C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22" autoAdjust="0"/>
    <p:restoredTop sz="94703" autoAdjust="0"/>
  </p:normalViewPr>
  <p:slideViewPr>
    <p:cSldViewPr snapToGrid="0">
      <p:cViewPr varScale="1">
        <p:scale>
          <a:sx n="90" d="100"/>
          <a:sy n="90" d="100"/>
        </p:scale>
        <p:origin x="108" y="24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9312BAB-746D-408E-90FB-6E36770C7FAC}" type="doc">
      <dgm:prSet loTypeId="urn:microsoft.com/office/officeart/2005/8/layout/hChevron3" loCatId="process" qsTypeId="urn:microsoft.com/office/officeart/2005/8/quickstyle/simple1" qsCatId="simple" csTypeId="urn:microsoft.com/office/officeart/2005/8/colors/colorful1" csCatId="colorful" phldr="1"/>
      <dgm:spPr/>
    </dgm:pt>
    <dgm:pt modelId="{7E8D6740-A257-44B8-885B-06964344040B}">
      <dgm:prSet phldrT="[Text]" custT="1"/>
      <dgm:spPr>
        <a:solidFill>
          <a:schemeClr val="accent1"/>
        </a:solidFill>
      </dgm:spPr>
      <dgm:t>
        <a:bodyPr/>
        <a:lstStyle/>
        <a:p>
          <a:endParaRPr lang="en-GB" sz="800" dirty="0"/>
        </a:p>
      </dgm:t>
    </dgm:pt>
    <dgm:pt modelId="{6DBE0720-19A5-4222-A2A2-D50BACCC34F3}" type="parTrans" cxnId="{260BB996-E60F-4325-92EA-846EECECCEF9}">
      <dgm:prSet/>
      <dgm:spPr/>
      <dgm:t>
        <a:bodyPr/>
        <a:lstStyle/>
        <a:p>
          <a:endParaRPr lang="da-DK" sz="800"/>
        </a:p>
      </dgm:t>
    </dgm:pt>
    <dgm:pt modelId="{CA240CB0-A6EC-4B42-BA24-D10F7C91B59D}" type="sibTrans" cxnId="{260BB996-E60F-4325-92EA-846EECECCEF9}">
      <dgm:prSet/>
      <dgm:spPr/>
      <dgm:t>
        <a:bodyPr/>
        <a:lstStyle/>
        <a:p>
          <a:endParaRPr lang="da-DK" sz="800"/>
        </a:p>
      </dgm:t>
    </dgm:pt>
    <dgm:pt modelId="{B3C615F6-F83D-4D4A-9035-AD1771950B6D}">
      <dgm:prSet phldrT="[Text]" custT="1"/>
      <dgm:spPr>
        <a:solidFill>
          <a:schemeClr val="accent2"/>
        </a:solidFill>
      </dgm:spPr>
      <dgm:t>
        <a:bodyPr/>
        <a:lstStyle/>
        <a:p>
          <a:endParaRPr lang="en-GB" sz="800" dirty="0"/>
        </a:p>
      </dgm:t>
    </dgm:pt>
    <dgm:pt modelId="{7091D1FB-3571-4CEA-9CC3-C679AC6AD1EC}" type="parTrans" cxnId="{2A0F83B6-3CD1-4DC7-8947-3952CB82A3E2}">
      <dgm:prSet/>
      <dgm:spPr/>
      <dgm:t>
        <a:bodyPr/>
        <a:lstStyle/>
        <a:p>
          <a:endParaRPr lang="da-DK" sz="800"/>
        </a:p>
      </dgm:t>
    </dgm:pt>
    <dgm:pt modelId="{8914A10E-76EE-42B8-810C-3E3870BB8C62}" type="sibTrans" cxnId="{2A0F83B6-3CD1-4DC7-8947-3952CB82A3E2}">
      <dgm:prSet/>
      <dgm:spPr/>
      <dgm:t>
        <a:bodyPr/>
        <a:lstStyle/>
        <a:p>
          <a:endParaRPr lang="da-DK" sz="800"/>
        </a:p>
      </dgm:t>
    </dgm:pt>
    <dgm:pt modelId="{AE806B45-0B04-4665-A893-60FA4EDF6D0B}">
      <dgm:prSet phldrT="[Text]" custT="1"/>
      <dgm:spPr>
        <a:solidFill>
          <a:schemeClr val="accent6"/>
        </a:solidFill>
      </dgm:spPr>
      <dgm:t>
        <a:bodyPr/>
        <a:lstStyle/>
        <a:p>
          <a:endParaRPr lang="en-GB" sz="800" dirty="0"/>
        </a:p>
      </dgm:t>
    </dgm:pt>
    <dgm:pt modelId="{3405351E-588E-4561-BC1B-9B0C34764DA8}" type="parTrans" cxnId="{EC3E82AF-D061-4578-BF0C-29EB075F0698}">
      <dgm:prSet/>
      <dgm:spPr/>
      <dgm:t>
        <a:bodyPr/>
        <a:lstStyle/>
        <a:p>
          <a:endParaRPr lang="da-DK" sz="800"/>
        </a:p>
      </dgm:t>
    </dgm:pt>
    <dgm:pt modelId="{63FBD2A3-F30B-4DDF-AB4F-52F4C62369D1}" type="sibTrans" cxnId="{EC3E82AF-D061-4578-BF0C-29EB075F0698}">
      <dgm:prSet/>
      <dgm:spPr/>
      <dgm:t>
        <a:bodyPr/>
        <a:lstStyle/>
        <a:p>
          <a:endParaRPr lang="da-DK" sz="800"/>
        </a:p>
      </dgm:t>
    </dgm:pt>
    <dgm:pt modelId="{972DD753-D015-43B7-8C04-8C766D2237B4}">
      <dgm:prSet phldrT="[Text]" custT="1"/>
      <dgm:spPr>
        <a:solidFill>
          <a:schemeClr val="accent3"/>
        </a:solidFill>
      </dgm:spPr>
      <dgm:t>
        <a:bodyPr/>
        <a:lstStyle/>
        <a:p>
          <a:endParaRPr lang="en-GB" sz="800" dirty="0"/>
        </a:p>
      </dgm:t>
    </dgm:pt>
    <dgm:pt modelId="{AE1C1C8D-1B76-4A38-BED7-AB097B68D597}" type="parTrans" cxnId="{E481931C-8FF4-4BE7-AA83-BAAA2C7C1B4D}">
      <dgm:prSet/>
      <dgm:spPr/>
      <dgm:t>
        <a:bodyPr/>
        <a:lstStyle/>
        <a:p>
          <a:endParaRPr lang="da-DK" sz="800"/>
        </a:p>
      </dgm:t>
    </dgm:pt>
    <dgm:pt modelId="{3B184BCE-A8B7-4378-9DD4-A9C2A73E4552}" type="sibTrans" cxnId="{E481931C-8FF4-4BE7-AA83-BAAA2C7C1B4D}">
      <dgm:prSet/>
      <dgm:spPr/>
      <dgm:t>
        <a:bodyPr/>
        <a:lstStyle/>
        <a:p>
          <a:endParaRPr lang="da-DK" sz="800"/>
        </a:p>
      </dgm:t>
    </dgm:pt>
    <dgm:pt modelId="{B1B23FC7-5631-49B1-9717-B678B835D331}">
      <dgm:prSet phldrT="[Text]" custT="1"/>
      <dgm:spPr>
        <a:solidFill>
          <a:schemeClr val="accent4"/>
        </a:solidFill>
      </dgm:spPr>
      <dgm:t>
        <a:bodyPr/>
        <a:lstStyle/>
        <a:p>
          <a:endParaRPr lang="en-GB" sz="800" dirty="0"/>
        </a:p>
      </dgm:t>
    </dgm:pt>
    <dgm:pt modelId="{298506D6-251C-41A7-9099-E0DB11BDF918}" type="parTrans" cxnId="{A9F917C0-4898-4DC8-B21E-4DE796EC7F0A}">
      <dgm:prSet/>
      <dgm:spPr/>
      <dgm:t>
        <a:bodyPr/>
        <a:lstStyle/>
        <a:p>
          <a:endParaRPr lang="da-DK" sz="800"/>
        </a:p>
      </dgm:t>
    </dgm:pt>
    <dgm:pt modelId="{F74D880B-88A5-4F60-B522-7B31FA64B1F6}" type="sibTrans" cxnId="{A9F917C0-4898-4DC8-B21E-4DE796EC7F0A}">
      <dgm:prSet/>
      <dgm:spPr/>
      <dgm:t>
        <a:bodyPr/>
        <a:lstStyle/>
        <a:p>
          <a:endParaRPr lang="da-DK" sz="800"/>
        </a:p>
      </dgm:t>
    </dgm:pt>
    <dgm:pt modelId="{8D59C680-67A3-465D-A693-FAC71ACDFC91}">
      <dgm:prSet phldrT="[Text]" custT="1"/>
      <dgm:spPr>
        <a:solidFill>
          <a:schemeClr val="accent5"/>
        </a:solidFill>
      </dgm:spPr>
      <dgm:t>
        <a:bodyPr/>
        <a:lstStyle/>
        <a:p>
          <a:endParaRPr lang="en-GB" sz="800" dirty="0"/>
        </a:p>
      </dgm:t>
    </dgm:pt>
    <dgm:pt modelId="{E39977AC-26EF-4059-8781-1E484D93AEF6}" type="parTrans" cxnId="{1DF3DAB4-938D-4009-AA00-1B2104790398}">
      <dgm:prSet/>
      <dgm:spPr/>
      <dgm:t>
        <a:bodyPr/>
        <a:lstStyle/>
        <a:p>
          <a:endParaRPr lang="da-DK" sz="800"/>
        </a:p>
      </dgm:t>
    </dgm:pt>
    <dgm:pt modelId="{6E5C917F-49D7-41D2-A36A-5E3DF2B6C5FB}" type="sibTrans" cxnId="{1DF3DAB4-938D-4009-AA00-1B2104790398}">
      <dgm:prSet/>
      <dgm:spPr/>
      <dgm:t>
        <a:bodyPr/>
        <a:lstStyle/>
        <a:p>
          <a:endParaRPr lang="da-DK" sz="800"/>
        </a:p>
      </dgm:t>
    </dgm:pt>
    <dgm:pt modelId="{38E48DC4-8B89-4FD4-97C0-D72B5CE4670F}" type="pres">
      <dgm:prSet presAssocID="{B9312BAB-746D-408E-90FB-6E36770C7FAC}" presName="Name0" presStyleCnt="0">
        <dgm:presLayoutVars>
          <dgm:dir/>
          <dgm:resizeHandles val="exact"/>
        </dgm:presLayoutVars>
      </dgm:prSet>
      <dgm:spPr/>
    </dgm:pt>
    <dgm:pt modelId="{7CEDC154-FF74-45B1-9081-88B79323A0BC}" type="pres">
      <dgm:prSet presAssocID="{7E8D6740-A257-44B8-885B-06964344040B}" presName="parTxOnly" presStyleLbl="node1" presStyleIdx="0" presStyleCnt="6" custScaleY="153835">
        <dgm:presLayoutVars>
          <dgm:bulletEnabled val="1"/>
        </dgm:presLayoutVars>
      </dgm:prSet>
      <dgm:spPr/>
    </dgm:pt>
    <dgm:pt modelId="{3911CCE6-0901-4BD4-B3A9-75CA05C90F59}" type="pres">
      <dgm:prSet presAssocID="{CA240CB0-A6EC-4B42-BA24-D10F7C91B59D}" presName="parSpace" presStyleCnt="0"/>
      <dgm:spPr/>
    </dgm:pt>
    <dgm:pt modelId="{73E895FC-D3E2-4837-8EDD-50A3AEF221C0}" type="pres">
      <dgm:prSet presAssocID="{B3C615F6-F83D-4D4A-9035-AD1771950B6D}" presName="parTxOnly" presStyleLbl="node1" presStyleIdx="1" presStyleCnt="6" custScaleY="153835">
        <dgm:presLayoutVars>
          <dgm:bulletEnabled val="1"/>
        </dgm:presLayoutVars>
      </dgm:prSet>
      <dgm:spPr/>
    </dgm:pt>
    <dgm:pt modelId="{1A569CC9-FF80-4E8C-BA90-752E851A3FFA}" type="pres">
      <dgm:prSet presAssocID="{8914A10E-76EE-42B8-810C-3E3870BB8C62}" presName="parSpace" presStyleCnt="0"/>
      <dgm:spPr/>
    </dgm:pt>
    <dgm:pt modelId="{CB242E03-D73F-4769-AE62-96E6C9EEC107}" type="pres">
      <dgm:prSet presAssocID="{972DD753-D015-43B7-8C04-8C766D2237B4}" presName="parTxOnly" presStyleLbl="node1" presStyleIdx="2" presStyleCnt="6" custScaleY="153835">
        <dgm:presLayoutVars>
          <dgm:bulletEnabled val="1"/>
        </dgm:presLayoutVars>
      </dgm:prSet>
      <dgm:spPr/>
    </dgm:pt>
    <dgm:pt modelId="{F50BEB6D-6822-4A3A-A7FD-1E64C5DD9CFD}" type="pres">
      <dgm:prSet presAssocID="{3B184BCE-A8B7-4378-9DD4-A9C2A73E4552}" presName="parSpace" presStyleCnt="0"/>
      <dgm:spPr/>
    </dgm:pt>
    <dgm:pt modelId="{F653F289-B849-4068-9FCE-0F9890E10FE9}" type="pres">
      <dgm:prSet presAssocID="{B1B23FC7-5631-49B1-9717-B678B835D331}" presName="parTxOnly" presStyleLbl="node1" presStyleIdx="3" presStyleCnt="6" custScaleY="153835">
        <dgm:presLayoutVars>
          <dgm:bulletEnabled val="1"/>
        </dgm:presLayoutVars>
      </dgm:prSet>
      <dgm:spPr/>
    </dgm:pt>
    <dgm:pt modelId="{38B5A92E-8169-47BE-9A92-0F433FE6D60A}" type="pres">
      <dgm:prSet presAssocID="{F74D880B-88A5-4F60-B522-7B31FA64B1F6}" presName="parSpace" presStyleCnt="0"/>
      <dgm:spPr/>
    </dgm:pt>
    <dgm:pt modelId="{3D96B25C-15DB-4495-88AB-7A46D43564CA}" type="pres">
      <dgm:prSet presAssocID="{8D59C680-67A3-465D-A693-FAC71ACDFC91}" presName="parTxOnly" presStyleLbl="node1" presStyleIdx="4" presStyleCnt="6" custScaleY="153835">
        <dgm:presLayoutVars>
          <dgm:bulletEnabled val="1"/>
        </dgm:presLayoutVars>
      </dgm:prSet>
      <dgm:spPr/>
    </dgm:pt>
    <dgm:pt modelId="{30FF9446-64DE-4CF4-ACA0-4AF488DA1677}" type="pres">
      <dgm:prSet presAssocID="{6E5C917F-49D7-41D2-A36A-5E3DF2B6C5FB}" presName="parSpace" presStyleCnt="0"/>
      <dgm:spPr/>
    </dgm:pt>
    <dgm:pt modelId="{2ACEFF70-4851-4F4F-84B5-B1D53B12BFAB}" type="pres">
      <dgm:prSet presAssocID="{AE806B45-0B04-4665-A893-60FA4EDF6D0B}" presName="parTxOnly" presStyleLbl="node1" presStyleIdx="5" presStyleCnt="6" custScaleY="153835">
        <dgm:presLayoutVars>
          <dgm:bulletEnabled val="1"/>
        </dgm:presLayoutVars>
      </dgm:prSet>
      <dgm:spPr/>
    </dgm:pt>
  </dgm:ptLst>
  <dgm:cxnLst>
    <dgm:cxn modelId="{E481931C-8FF4-4BE7-AA83-BAAA2C7C1B4D}" srcId="{B9312BAB-746D-408E-90FB-6E36770C7FAC}" destId="{972DD753-D015-43B7-8C04-8C766D2237B4}" srcOrd="2" destOrd="0" parTransId="{AE1C1C8D-1B76-4A38-BED7-AB097B68D597}" sibTransId="{3B184BCE-A8B7-4378-9DD4-A9C2A73E4552}"/>
    <dgm:cxn modelId="{82D14F22-9A29-4698-8AB0-AD02A4EC1657}" type="presOf" srcId="{B9312BAB-746D-408E-90FB-6E36770C7FAC}" destId="{38E48DC4-8B89-4FD4-97C0-D72B5CE4670F}" srcOrd="0" destOrd="0" presId="urn:microsoft.com/office/officeart/2005/8/layout/hChevron3"/>
    <dgm:cxn modelId="{69496F67-6F63-4B55-9580-BAA7DBB891B7}" type="presOf" srcId="{B1B23FC7-5631-49B1-9717-B678B835D331}" destId="{F653F289-B849-4068-9FCE-0F9890E10FE9}" srcOrd="0" destOrd="0" presId="urn:microsoft.com/office/officeart/2005/8/layout/hChevron3"/>
    <dgm:cxn modelId="{260BB996-E60F-4325-92EA-846EECECCEF9}" srcId="{B9312BAB-746D-408E-90FB-6E36770C7FAC}" destId="{7E8D6740-A257-44B8-885B-06964344040B}" srcOrd="0" destOrd="0" parTransId="{6DBE0720-19A5-4222-A2A2-D50BACCC34F3}" sibTransId="{CA240CB0-A6EC-4B42-BA24-D10F7C91B59D}"/>
    <dgm:cxn modelId="{37796F99-FC04-4C6D-8B5F-1067CB17C542}" type="presOf" srcId="{7E8D6740-A257-44B8-885B-06964344040B}" destId="{7CEDC154-FF74-45B1-9081-88B79323A0BC}" srcOrd="0" destOrd="0" presId="urn:microsoft.com/office/officeart/2005/8/layout/hChevron3"/>
    <dgm:cxn modelId="{B3ED45A4-2A51-455F-921A-8F999CDAE7A2}" type="presOf" srcId="{8D59C680-67A3-465D-A693-FAC71ACDFC91}" destId="{3D96B25C-15DB-4495-88AB-7A46D43564CA}" srcOrd="0" destOrd="0" presId="urn:microsoft.com/office/officeart/2005/8/layout/hChevron3"/>
    <dgm:cxn modelId="{E540EFA6-C1ED-421A-9A3A-367036CB42AB}" type="presOf" srcId="{B3C615F6-F83D-4D4A-9035-AD1771950B6D}" destId="{73E895FC-D3E2-4837-8EDD-50A3AEF221C0}" srcOrd="0" destOrd="0" presId="urn:microsoft.com/office/officeart/2005/8/layout/hChevron3"/>
    <dgm:cxn modelId="{EC3E82AF-D061-4578-BF0C-29EB075F0698}" srcId="{B9312BAB-746D-408E-90FB-6E36770C7FAC}" destId="{AE806B45-0B04-4665-A893-60FA4EDF6D0B}" srcOrd="5" destOrd="0" parTransId="{3405351E-588E-4561-BC1B-9B0C34764DA8}" sibTransId="{63FBD2A3-F30B-4DDF-AB4F-52F4C62369D1}"/>
    <dgm:cxn modelId="{1DF3DAB4-938D-4009-AA00-1B2104790398}" srcId="{B9312BAB-746D-408E-90FB-6E36770C7FAC}" destId="{8D59C680-67A3-465D-A693-FAC71ACDFC91}" srcOrd="4" destOrd="0" parTransId="{E39977AC-26EF-4059-8781-1E484D93AEF6}" sibTransId="{6E5C917F-49D7-41D2-A36A-5E3DF2B6C5FB}"/>
    <dgm:cxn modelId="{2A0F83B6-3CD1-4DC7-8947-3952CB82A3E2}" srcId="{B9312BAB-746D-408E-90FB-6E36770C7FAC}" destId="{B3C615F6-F83D-4D4A-9035-AD1771950B6D}" srcOrd="1" destOrd="0" parTransId="{7091D1FB-3571-4CEA-9CC3-C679AC6AD1EC}" sibTransId="{8914A10E-76EE-42B8-810C-3E3870BB8C62}"/>
    <dgm:cxn modelId="{A9F917C0-4898-4DC8-B21E-4DE796EC7F0A}" srcId="{B9312BAB-746D-408E-90FB-6E36770C7FAC}" destId="{B1B23FC7-5631-49B1-9717-B678B835D331}" srcOrd="3" destOrd="0" parTransId="{298506D6-251C-41A7-9099-E0DB11BDF918}" sibTransId="{F74D880B-88A5-4F60-B522-7B31FA64B1F6}"/>
    <dgm:cxn modelId="{93BBF2C3-7F17-4CF9-B9C0-9F998266516F}" type="presOf" srcId="{AE806B45-0B04-4665-A893-60FA4EDF6D0B}" destId="{2ACEFF70-4851-4F4F-84B5-B1D53B12BFAB}" srcOrd="0" destOrd="0" presId="urn:microsoft.com/office/officeart/2005/8/layout/hChevron3"/>
    <dgm:cxn modelId="{D10960DB-81A6-4B79-AABD-E25499DC6B1C}" type="presOf" srcId="{972DD753-D015-43B7-8C04-8C766D2237B4}" destId="{CB242E03-D73F-4769-AE62-96E6C9EEC107}" srcOrd="0" destOrd="0" presId="urn:microsoft.com/office/officeart/2005/8/layout/hChevron3"/>
    <dgm:cxn modelId="{A59A97DC-495A-4564-8EA3-6536804171D5}" type="presParOf" srcId="{38E48DC4-8B89-4FD4-97C0-D72B5CE4670F}" destId="{7CEDC154-FF74-45B1-9081-88B79323A0BC}" srcOrd="0" destOrd="0" presId="urn:microsoft.com/office/officeart/2005/8/layout/hChevron3"/>
    <dgm:cxn modelId="{AF93BE95-E408-4BEF-AA89-F8D3A69C97A3}" type="presParOf" srcId="{38E48DC4-8B89-4FD4-97C0-D72B5CE4670F}" destId="{3911CCE6-0901-4BD4-B3A9-75CA05C90F59}" srcOrd="1" destOrd="0" presId="urn:microsoft.com/office/officeart/2005/8/layout/hChevron3"/>
    <dgm:cxn modelId="{6332C94B-517A-4F92-A11F-5053F4612AE0}" type="presParOf" srcId="{38E48DC4-8B89-4FD4-97C0-D72B5CE4670F}" destId="{73E895FC-D3E2-4837-8EDD-50A3AEF221C0}" srcOrd="2" destOrd="0" presId="urn:microsoft.com/office/officeart/2005/8/layout/hChevron3"/>
    <dgm:cxn modelId="{29A72975-A9A5-45D2-A8EF-9150F4EF7175}" type="presParOf" srcId="{38E48DC4-8B89-4FD4-97C0-D72B5CE4670F}" destId="{1A569CC9-FF80-4E8C-BA90-752E851A3FFA}" srcOrd="3" destOrd="0" presId="urn:microsoft.com/office/officeart/2005/8/layout/hChevron3"/>
    <dgm:cxn modelId="{9E891BEA-EF58-43AA-BDFD-E36113055BB5}" type="presParOf" srcId="{38E48DC4-8B89-4FD4-97C0-D72B5CE4670F}" destId="{CB242E03-D73F-4769-AE62-96E6C9EEC107}" srcOrd="4" destOrd="0" presId="urn:microsoft.com/office/officeart/2005/8/layout/hChevron3"/>
    <dgm:cxn modelId="{9530B45E-FEC5-426E-9BC7-8B2C8AF85943}" type="presParOf" srcId="{38E48DC4-8B89-4FD4-97C0-D72B5CE4670F}" destId="{F50BEB6D-6822-4A3A-A7FD-1E64C5DD9CFD}" srcOrd="5" destOrd="0" presId="urn:microsoft.com/office/officeart/2005/8/layout/hChevron3"/>
    <dgm:cxn modelId="{0DAD6A31-361D-4F76-9DB3-1BCDCB380DBD}" type="presParOf" srcId="{38E48DC4-8B89-4FD4-97C0-D72B5CE4670F}" destId="{F653F289-B849-4068-9FCE-0F9890E10FE9}" srcOrd="6" destOrd="0" presId="urn:microsoft.com/office/officeart/2005/8/layout/hChevron3"/>
    <dgm:cxn modelId="{03119C7E-F1BF-4E6D-8F65-0EDA11DEE415}" type="presParOf" srcId="{38E48DC4-8B89-4FD4-97C0-D72B5CE4670F}" destId="{38B5A92E-8169-47BE-9A92-0F433FE6D60A}" srcOrd="7" destOrd="0" presId="urn:microsoft.com/office/officeart/2005/8/layout/hChevron3"/>
    <dgm:cxn modelId="{BF34EBC1-3511-4A6C-9F90-3AA71A811273}" type="presParOf" srcId="{38E48DC4-8B89-4FD4-97C0-D72B5CE4670F}" destId="{3D96B25C-15DB-4495-88AB-7A46D43564CA}" srcOrd="8" destOrd="0" presId="urn:microsoft.com/office/officeart/2005/8/layout/hChevron3"/>
    <dgm:cxn modelId="{2E4DC9BC-54FF-417C-A507-C0305F898122}" type="presParOf" srcId="{38E48DC4-8B89-4FD4-97C0-D72B5CE4670F}" destId="{30FF9446-64DE-4CF4-ACA0-4AF488DA1677}" srcOrd="9" destOrd="0" presId="urn:microsoft.com/office/officeart/2005/8/layout/hChevron3"/>
    <dgm:cxn modelId="{BBFD4F43-5489-4229-9CDD-C8FB81F9E03B}" type="presParOf" srcId="{38E48DC4-8B89-4FD4-97C0-D72B5CE4670F}" destId="{2ACEFF70-4851-4F4F-84B5-B1D53B12BFAB}" srcOrd="10" destOrd="0" presId="urn:microsoft.com/office/officeart/2005/8/layout/hChevron3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CEDC154-FF74-45B1-9081-88B79323A0BC}">
      <dsp:nvSpPr>
        <dsp:cNvPr id="0" name=""/>
        <dsp:cNvSpPr/>
      </dsp:nvSpPr>
      <dsp:spPr>
        <a:xfrm>
          <a:off x="319" y="157934"/>
          <a:ext cx="523550" cy="322161"/>
        </a:xfrm>
        <a:prstGeom prst="homePlate">
          <a:avLst/>
        </a:prstGeom>
        <a:solidFill>
          <a:schemeClr val="accent1"/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2672" tIns="21336" rIns="10668" bIns="21336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800" kern="1200" dirty="0"/>
        </a:p>
      </dsp:txBody>
      <dsp:txXfrm>
        <a:off x="319" y="157934"/>
        <a:ext cx="443010" cy="322161"/>
      </dsp:txXfrm>
    </dsp:sp>
    <dsp:sp modelId="{73E895FC-D3E2-4837-8EDD-50A3AEF221C0}">
      <dsp:nvSpPr>
        <dsp:cNvPr id="0" name=""/>
        <dsp:cNvSpPr/>
      </dsp:nvSpPr>
      <dsp:spPr>
        <a:xfrm>
          <a:off x="419159" y="157934"/>
          <a:ext cx="523550" cy="322161"/>
        </a:xfrm>
        <a:prstGeom prst="chevron">
          <a:avLst/>
        </a:prstGeom>
        <a:solidFill>
          <a:schemeClr val="accent2"/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004" tIns="21336" rIns="10668" bIns="21336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800" kern="1200" dirty="0"/>
        </a:p>
      </dsp:txBody>
      <dsp:txXfrm>
        <a:off x="580240" y="157934"/>
        <a:ext cx="201389" cy="322161"/>
      </dsp:txXfrm>
    </dsp:sp>
    <dsp:sp modelId="{CB242E03-D73F-4769-AE62-96E6C9EEC107}">
      <dsp:nvSpPr>
        <dsp:cNvPr id="0" name=""/>
        <dsp:cNvSpPr/>
      </dsp:nvSpPr>
      <dsp:spPr>
        <a:xfrm>
          <a:off x="837999" y="157934"/>
          <a:ext cx="523550" cy="322161"/>
        </a:xfrm>
        <a:prstGeom prst="chevron">
          <a:avLst/>
        </a:prstGeom>
        <a:solidFill>
          <a:schemeClr val="accent3"/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004" tIns="21336" rIns="10668" bIns="21336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800" kern="1200" dirty="0"/>
        </a:p>
      </dsp:txBody>
      <dsp:txXfrm>
        <a:off x="999080" y="157934"/>
        <a:ext cx="201389" cy="322161"/>
      </dsp:txXfrm>
    </dsp:sp>
    <dsp:sp modelId="{F653F289-B849-4068-9FCE-0F9890E10FE9}">
      <dsp:nvSpPr>
        <dsp:cNvPr id="0" name=""/>
        <dsp:cNvSpPr/>
      </dsp:nvSpPr>
      <dsp:spPr>
        <a:xfrm>
          <a:off x="1256839" y="157934"/>
          <a:ext cx="523550" cy="322161"/>
        </a:xfrm>
        <a:prstGeom prst="chevron">
          <a:avLst/>
        </a:prstGeom>
        <a:solidFill>
          <a:schemeClr val="accent4"/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004" tIns="21336" rIns="10668" bIns="21336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800" kern="1200" dirty="0"/>
        </a:p>
      </dsp:txBody>
      <dsp:txXfrm>
        <a:off x="1417920" y="157934"/>
        <a:ext cx="201389" cy="322161"/>
      </dsp:txXfrm>
    </dsp:sp>
    <dsp:sp modelId="{3D96B25C-15DB-4495-88AB-7A46D43564CA}">
      <dsp:nvSpPr>
        <dsp:cNvPr id="0" name=""/>
        <dsp:cNvSpPr/>
      </dsp:nvSpPr>
      <dsp:spPr>
        <a:xfrm>
          <a:off x="1675680" y="157934"/>
          <a:ext cx="523550" cy="322161"/>
        </a:xfrm>
        <a:prstGeom prst="chevron">
          <a:avLst/>
        </a:prstGeom>
        <a:solidFill>
          <a:schemeClr val="accent5"/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004" tIns="21336" rIns="10668" bIns="21336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800" kern="1200" dirty="0"/>
        </a:p>
      </dsp:txBody>
      <dsp:txXfrm>
        <a:off x="1836761" y="157934"/>
        <a:ext cx="201389" cy="322161"/>
      </dsp:txXfrm>
    </dsp:sp>
    <dsp:sp modelId="{2ACEFF70-4851-4F4F-84B5-B1D53B12BFAB}">
      <dsp:nvSpPr>
        <dsp:cNvPr id="0" name=""/>
        <dsp:cNvSpPr/>
      </dsp:nvSpPr>
      <dsp:spPr>
        <a:xfrm>
          <a:off x="2094520" y="157934"/>
          <a:ext cx="523550" cy="322161"/>
        </a:xfrm>
        <a:prstGeom prst="chevron">
          <a:avLst/>
        </a:prstGeom>
        <a:solidFill>
          <a:schemeClr val="accent6"/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004" tIns="21336" rIns="10668" bIns="21336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800" kern="1200" dirty="0"/>
        </a:p>
      </dsp:txBody>
      <dsp:txXfrm>
        <a:off x="2255601" y="157934"/>
        <a:ext cx="201389" cy="32216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Chevron3">
  <dgm:title val=""/>
  <dgm:desc val=""/>
  <dgm:catLst>
    <dgm:cat type="process" pri="10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func="maxDepth" op="gte" val="2">
        <dgm:constrLst>
          <dgm:constr type="w" for="ch" forName="parAndChTx" refType="w"/>
          <dgm:constr type="primFontSz" for="ch" ptType="node" op="equ"/>
          <dgm:constr type="w" for="ch" forName="parAndChSpace" refType="w" refFor="ch" refForName="parAndChTx" fact="-0.2"/>
          <dgm:constr type="w" for="ch" ptType="sibTrans" op="equ"/>
        </dgm:constrLst>
        <dgm:ruleLst/>
        <dgm:forEach name="Name6" axis="ch" ptType="node">
          <dgm:layoutNode name="parAndChTx">
            <dgm:varLst>
              <dgm:bulletEnabled val="1"/>
            </dgm:varLst>
            <dgm:alg type="tx"/>
            <dgm:choose name="Name7">
              <dgm:if name="Name8" func="var" arg="dir" op="equ" val="norm">
                <dgm:choose name="Name9">
                  <dgm:if name="Name10" axis="self" ptType="node" func="pos" op="equ" val="1">
                    <dgm:shape xmlns:r="http://schemas.openxmlformats.org/officeDocument/2006/relationships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4"/>
                    </dgm:constrLst>
                  </dgm:if>
                  <dgm:else name="Name11">
                    <dgm:shape xmlns:r="http://schemas.openxmlformats.org/officeDocument/2006/relationships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if>
              <dgm:else name="Name12">
                <dgm:choose name="Name13">
                  <dgm:if name="Name14" axis="self" ptType="node" func="pos" op="equ" val="1">
                    <dgm:shape xmlns:r="http://schemas.openxmlformats.org/officeDocument/2006/relationships" rot="180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4"/>
                      <dgm:constr type="rMarg" refType="w" fact="0.1"/>
                    </dgm:constrLst>
                  </dgm:if>
                  <dgm:else name="Name15">
                    <dgm:shape xmlns:r="http://schemas.openxmlformats.org/officeDocument/2006/relationships" rot="180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16" axis="followSib" ptType="sibTrans" cnt="1">
            <dgm:layoutNode name="parAndCh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17">
        <dgm:constrLst>
          <dgm:constr type="w" for="ch" forName="parTxOnly" refType="w"/>
          <dgm:constr type="primFontSz" for="ch" ptType="node" op="equ"/>
          <dgm:constr type="w" for="ch" forName="parSpace" refType="w" refFor="ch" refForName="parTxOnly" fact="-0.2"/>
          <dgm:constr type="w" for="ch" ptType="sibTrans" op="equ"/>
        </dgm:constrLst>
        <dgm:ruleLst/>
        <dgm:forEach name="Name18" axis="ch" ptType="node">
          <dgm:layoutNode name="parTxOnly">
            <dgm:varLst>
              <dgm:bulletEnabled val="1"/>
            </dgm:varLst>
            <dgm:alg type="tx"/>
            <dgm:presOf axis="desOrSelf" ptType="node"/>
            <dgm:choose name="Name19">
              <dgm:if name="Name20" func="var" arg="dir" op="equ" val="norm">
                <dgm:choose name="Name21">
                  <dgm:if name="Name22" axis="self" ptType="node" func="pos" op="equ" val="1">
                    <dgm:shape xmlns:r="http://schemas.openxmlformats.org/officeDocument/2006/relationships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42"/>
                      <dgm:constr type="rMarg" refType="primFontSz" fact="0.105"/>
                    </dgm:constrLst>
                  </dgm:if>
                  <dgm:else name="Name23">
                    <dgm:shape xmlns:r="http://schemas.openxmlformats.org/officeDocument/2006/relationships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315"/>
                      <dgm:constr type="rMarg" refType="primFontSz" fact="0.105"/>
                    </dgm:constrLst>
                  </dgm:else>
                </dgm:choose>
              </dgm:if>
              <dgm:else name="Name24">
                <dgm:choose name="Name25">
                  <dgm:if name="Name26" axis="self" ptType="node" func="pos" op="equ" val="1">
                    <dgm:shape xmlns:r="http://schemas.openxmlformats.org/officeDocument/2006/relationships" rot="180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42"/>
                    </dgm:constrLst>
                  </dgm:if>
                  <dgm:else name="Name27">
                    <dgm:shape xmlns:r="http://schemas.openxmlformats.org/officeDocument/2006/relationships" rot="180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315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B7A4179-3E1F-44F9-8A0E-3D1E6AF31146}" type="datetimeFigureOut">
              <a:rPr lang="da-DK" smtClean="0"/>
              <a:t>01-12-2025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C5B4EA1-2019-4548-A8A9-A9CD8A9537A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9155783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png"/><Relationship Id="rId13" Type="http://schemas.openxmlformats.org/officeDocument/2006/relationships/image" Target="../media/image9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12" Type="http://schemas.openxmlformats.org/officeDocument/2006/relationships/image" Target="../media/image8.png"/><Relationship Id="rId2" Type="http://schemas.openxmlformats.org/officeDocument/2006/relationships/image" Target="../media/image3.png"/><Relationship Id="rId16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6" Type="http://schemas.openxmlformats.org/officeDocument/2006/relationships/diagramColors" Target="../diagrams/colors1.xml"/><Relationship Id="rId11" Type="http://schemas.openxmlformats.org/officeDocument/2006/relationships/image" Target="../media/image7.png"/><Relationship Id="rId5" Type="http://schemas.openxmlformats.org/officeDocument/2006/relationships/diagramQuickStyle" Target="../diagrams/quickStyle1.xml"/><Relationship Id="rId15" Type="http://schemas.openxmlformats.org/officeDocument/2006/relationships/image" Target="../media/image11.png"/><Relationship Id="rId10" Type="http://schemas.openxmlformats.org/officeDocument/2006/relationships/image" Target="../media/image6.png"/><Relationship Id="rId4" Type="http://schemas.openxmlformats.org/officeDocument/2006/relationships/diagramLayout" Target="../diagrams/layout1.xml"/><Relationship Id="rId9" Type="http://schemas.openxmlformats.org/officeDocument/2006/relationships/image" Target="../media/image5.png"/><Relationship Id="rId14" Type="http://schemas.openxmlformats.org/officeDocument/2006/relationships/image" Target="../media/image10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7.svg"/><Relationship Id="rId5" Type="http://schemas.openxmlformats.org/officeDocument/2006/relationships/image" Target="../media/image16.png"/><Relationship Id="rId4" Type="http://schemas.openxmlformats.org/officeDocument/2006/relationships/image" Target="../media/image15.svg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5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6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7.svg"/><Relationship Id="rId5" Type="http://schemas.openxmlformats.org/officeDocument/2006/relationships/image" Target="../media/image16.png"/><Relationship Id="rId4" Type="http://schemas.openxmlformats.org/officeDocument/2006/relationships/image" Target="../media/image15.sv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9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0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8.jp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7.svg"/><Relationship Id="rId5" Type="http://schemas.openxmlformats.org/officeDocument/2006/relationships/image" Target="../media/image16.png"/><Relationship Id="rId4" Type="http://schemas.openxmlformats.org/officeDocument/2006/relationships/image" Target="../media/image15.svg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1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svg"/><Relationship Id="rId2" Type="http://schemas.openxmlformats.org/officeDocument/2006/relationships/image" Target="../media/image32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sv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7.svg"/><Relationship Id="rId4" Type="http://schemas.openxmlformats.org/officeDocument/2006/relationships/image" Target="../media/image16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9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7.svg"/><Relationship Id="rId5" Type="http://schemas.openxmlformats.org/officeDocument/2006/relationships/image" Target="../media/image16.png"/><Relationship Id="rId4" Type="http://schemas.openxmlformats.org/officeDocument/2006/relationships/image" Target="../media/image15.sv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sv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7.svg"/><Relationship Id="rId4" Type="http://schemas.openxmlformats.org/officeDocument/2006/relationships/image" Target="../media/image16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1.svg"/><Relationship Id="rId4" Type="http://schemas.openxmlformats.org/officeDocument/2006/relationships/image" Target="../media/image20.pn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1.svg"/><Relationship Id="rId4" Type="http://schemas.openxmlformats.org/officeDocument/2006/relationships/image" Target="../media/image20.pn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22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7.svg"/><Relationship Id="rId5" Type="http://schemas.openxmlformats.org/officeDocument/2006/relationships/image" Target="../media/image16.png"/><Relationship Id="rId4" Type="http://schemas.openxmlformats.org/officeDocument/2006/relationships/image" Target="../media/image15.svg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23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7.svg"/><Relationship Id="rId5" Type="http://schemas.openxmlformats.org/officeDocument/2006/relationships/image" Target="../media/image16.png"/><Relationship Id="rId4" Type="http://schemas.openxmlformats.org/officeDocument/2006/relationships/image" Target="../media/image15.sv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defineret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extBox 19">
            <a:extLst>
              <a:ext uri="{FF2B5EF4-FFF2-40B4-BE49-F238E27FC236}">
                <a16:creationId xmlns:a16="http://schemas.microsoft.com/office/drawing/2014/main" id="{89472580-0A7D-42C1-A288-25FE9BA40D89}"/>
              </a:ext>
            </a:extLst>
          </p:cNvPr>
          <p:cNvSpPr txBox="1"/>
          <p:nvPr userDrawn="1"/>
        </p:nvSpPr>
        <p:spPr>
          <a:xfrm>
            <a:off x="278981" y="5127471"/>
            <a:ext cx="2403640" cy="1031051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1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Nulstil slide er vigtig </a:t>
            </a:r>
            <a:br>
              <a:rPr kumimoji="0" lang="da-DK" sz="1000" b="1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da-DK" sz="1000" b="0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ruges til </a:t>
            </a:r>
            <a:r>
              <a:rPr kumimoji="0" lang="da-DK" altLang="da-DK" sz="1000" b="0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t nulstille placering, størrelse og formatering af pladsholdere til layoutets oprindelige design.</a:t>
            </a:r>
            <a:br>
              <a:rPr kumimoji="0" lang="da-DK" altLang="da-DK" sz="1000" b="0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da-DK" altLang="da-DK" sz="1000" b="1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tet indhold slettes</a:t>
            </a:r>
            <a:r>
              <a:rPr kumimoji="0" lang="da-DK" altLang="da-DK" sz="1000" b="0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. </a:t>
            </a:r>
            <a:endParaRPr kumimoji="0" lang="da-DK" sz="1000" b="1" i="0" u="none" strike="noStrike" kern="1200" cap="none" spc="0" normalizeH="0" baseline="0" noProof="1">
              <a:ln>
                <a:noFill/>
              </a:ln>
              <a:solidFill>
                <a:srgbClr val="2A2A2A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da-DK" altLang="da-DK" sz="1000" b="0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Wingdings" panose="05000000000000000000" pitchFamily="2" charset="2"/>
              </a:rPr>
              <a:t> </a:t>
            </a:r>
            <a:r>
              <a:rPr kumimoji="0" lang="da-DK" altLang="da-DK" sz="1000" b="0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Klik på fanen Hjem – vælg </a:t>
            </a:r>
            <a:r>
              <a:rPr kumimoji="0" lang="da-DK" altLang="da-DK" sz="1000" b="1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Nulstil</a:t>
            </a:r>
          </a:p>
        </p:txBody>
      </p:sp>
      <p:pic>
        <p:nvPicPr>
          <p:cNvPr id="11" name="4 Nulstil">
            <a:extLst>
              <a:ext uri="{FF2B5EF4-FFF2-40B4-BE49-F238E27FC236}">
                <a16:creationId xmlns:a16="http://schemas.microsoft.com/office/drawing/2014/main" id="{FF02DAAF-E7A2-4D16-8D03-A886A698E2A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83490" y="5017832"/>
            <a:ext cx="547241" cy="197798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27" name="Text Box 4">
            <a:extLst>
              <a:ext uri="{FF2B5EF4-FFF2-40B4-BE49-F238E27FC236}">
                <a16:creationId xmlns:a16="http://schemas.microsoft.com/office/drawing/2014/main" id="{B06C9077-291F-4396-8A32-B7843099007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44446" y="901060"/>
            <a:ext cx="3074676" cy="3877985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>
            <a:spAutoFit/>
          </a:bodyPr>
          <a:lstStyle>
            <a:defPPr>
              <a:defRPr lang="da-DK"/>
            </a:defPPr>
            <a:lvl1pPr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defRPr sz="900" b="1" cap="none"/>
            </a:lvl1pPr>
          </a:lstStyle>
          <a:p>
            <a:pPr lvl="0">
              <a:lnSpc>
                <a:spcPct val="100000"/>
              </a:lnSpc>
            </a:pPr>
            <a:r>
              <a:rPr lang="da-DK" sz="1200" b="1" noProof="1">
                <a:latin typeface="Arial" panose="020B0604020202020204" pitchFamily="34" charset="0"/>
                <a:cs typeface="Arial" panose="020B0604020202020204" pitchFamily="34" charset="0"/>
              </a:rPr>
              <a:t>Farvetema:</a:t>
            </a:r>
          </a:p>
          <a:p>
            <a:pPr lvl="0">
              <a:lnSpc>
                <a:spcPct val="100000"/>
              </a:lnSpc>
            </a:pPr>
            <a:endParaRPr lang="da-DK" altLang="da-DK" sz="1000" b="0" kern="0" noProof="1">
              <a:solidFill>
                <a:srgbClr val="3B3B3B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lvl="0" algn="l" defTabSz="914400" rtl="0" eaLnBrk="1" latinLnBrk="0" hangingPunct="1">
              <a:lnSpc>
                <a:spcPct val="100000"/>
              </a:lnSpc>
              <a:defRPr/>
            </a:pPr>
            <a:r>
              <a:rPr lang="da-DK" altLang="da-DK" sz="1000" b="0" kern="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rug kun farvene i </a:t>
            </a:r>
            <a:r>
              <a:rPr lang="da-DK" altLang="da-DK" sz="1000" b="1" kern="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den øverste række</a:t>
            </a:r>
            <a:r>
              <a:rPr lang="da-DK" altLang="da-DK" sz="1000" b="0" kern="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. </a:t>
            </a:r>
            <a:br>
              <a:rPr lang="da-DK" altLang="da-DK" sz="1000" b="0" kern="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lang="da-DK" altLang="da-DK" sz="1000" b="0" kern="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Da de er </a:t>
            </a:r>
            <a:r>
              <a:rPr lang="da-DK" altLang="da-DK" sz="1000" b="1" kern="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IK temafarver. </a:t>
            </a:r>
          </a:p>
          <a:p>
            <a:pPr marL="0" lvl="0" algn="l" defTabSz="914400" rtl="0" eaLnBrk="1" latinLnBrk="0" hangingPunct="1">
              <a:lnSpc>
                <a:spcPct val="100000"/>
              </a:lnSpc>
              <a:defRPr/>
            </a:pPr>
            <a:endParaRPr lang="da-DK" altLang="da-DK" sz="1000" b="1" kern="0" noProof="1">
              <a:solidFill>
                <a:srgbClr val="3B3B3B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lvl="0" algn="l" defTabSz="914400" rtl="0" eaLnBrk="1" latinLnBrk="0" hangingPunct="1">
              <a:lnSpc>
                <a:spcPct val="100000"/>
              </a:lnSpc>
              <a:defRPr/>
            </a:pPr>
            <a:endParaRPr lang="da-DK" altLang="da-DK" sz="1000" b="1" kern="0" noProof="1">
              <a:solidFill>
                <a:srgbClr val="3B3B3B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lvl="0">
              <a:lnSpc>
                <a:spcPct val="100000"/>
              </a:lnSpc>
            </a:pPr>
            <a:r>
              <a:rPr lang="da-DK" sz="1200" b="1" noProof="1">
                <a:latin typeface="Arial" panose="020B0604020202020204" pitchFamily="34" charset="0"/>
                <a:cs typeface="Arial" panose="020B0604020202020204" pitchFamily="34" charset="0"/>
              </a:rPr>
              <a:t>Skift baggrundsfarve:</a:t>
            </a:r>
          </a:p>
          <a:p>
            <a:pPr lvl="0">
              <a:lnSpc>
                <a:spcPct val="100000"/>
              </a:lnSpc>
            </a:pPr>
            <a:endParaRPr lang="da-DK" sz="12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171450" lvl="0" indent="-1714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à"/>
            </a:pPr>
            <a:r>
              <a:rPr kumimoji="0" lang="da-DK" altLang="da-DK" sz="1000" b="0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Wingdings" panose="05000000000000000000" pitchFamily="2" charset="2"/>
              </a:rPr>
              <a:t>I</a:t>
            </a:r>
            <a:r>
              <a:rPr lang="da-DK" sz="1000" b="0" noProof="1">
                <a:latin typeface="Arial" panose="020B0604020202020204" pitchFamily="34" charset="0"/>
                <a:cs typeface="Arial" panose="020B0604020202020204" pitchFamily="34" charset="0"/>
              </a:rPr>
              <a:t> fanen </a:t>
            </a: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Design</a:t>
            </a:r>
            <a:r>
              <a:rPr lang="da-DK" sz="1000" b="0" noProof="1">
                <a:latin typeface="Arial" panose="020B0604020202020204" pitchFamily="34" charset="0"/>
                <a:cs typeface="Arial" panose="020B0604020202020204" pitchFamily="34" charset="0"/>
              </a:rPr>
              <a:t> vælg </a:t>
            </a: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Formater baggrund</a:t>
            </a:r>
            <a:endParaRPr lang="da-DK" sz="1000" b="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171450" lvl="0" indent="-171450">
              <a:lnSpc>
                <a:spcPct val="100000"/>
              </a:lnSpc>
              <a:spcAft>
                <a:spcPts val="0"/>
              </a:spcAft>
              <a:buFont typeface="Wingdings" panose="05000000000000000000" pitchFamily="2" charset="2"/>
              <a:buChar char="à"/>
            </a:pPr>
            <a:r>
              <a:rPr lang="da-DK" sz="1000" b="0" noProof="1">
                <a:latin typeface="Arial" panose="020B0604020202020204" pitchFamily="34" charset="0"/>
                <a:cs typeface="Arial" panose="020B0604020202020204" pitchFamily="34" charset="0"/>
              </a:rPr>
              <a:t>Vælg enten </a:t>
            </a: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SIK Gul </a:t>
            </a:r>
            <a:r>
              <a:rPr lang="da-DK" sz="1000" b="0" noProof="1"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SIK Turkis</a:t>
            </a:r>
            <a:r>
              <a:rPr lang="da-DK" sz="1000" b="0" noProof="1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sz="1000" b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0" noProof="1">
                <a:latin typeface="Arial" panose="020B0604020202020204" pitchFamily="34" charset="0"/>
                <a:cs typeface="Arial" panose="020B0604020202020204" pitchFamily="34" charset="0"/>
              </a:rPr>
              <a:t>fra den øverste linje i farvetemaet. </a:t>
            </a:r>
          </a:p>
          <a:p>
            <a:pPr lvl="0">
              <a:lnSpc>
                <a:spcPct val="100000"/>
              </a:lnSpc>
            </a:pPr>
            <a:endParaRPr lang="da-DK" sz="12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>
              <a:lnSpc>
                <a:spcPct val="100000"/>
              </a:lnSpc>
            </a:pPr>
            <a:endParaRPr lang="da-DK" sz="12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>
              <a:lnSpc>
                <a:spcPct val="100000"/>
              </a:lnSpc>
            </a:pPr>
            <a:r>
              <a:rPr lang="da-DK" sz="12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martArt: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altLang="da-DK" sz="1000" b="0" kern="1200" cap="none" noProof="1">
              <a:solidFill>
                <a:schemeClr val="tx1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altLang="da-DK" sz="1000" b="0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arverne i </a:t>
            </a:r>
            <a:r>
              <a:rPr lang="da-DK" altLang="da-DK" sz="1000" b="1" kern="1200" cap="none" dirty="0" err="1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martArt</a:t>
            </a:r>
            <a:r>
              <a:rPr lang="da-DK" altLang="da-DK" sz="1000" b="0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er automatiseret, </a:t>
            </a:r>
            <a:br>
              <a:rPr lang="da-DK" altLang="da-DK" sz="1000" b="0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lang="da-DK" altLang="da-DK" sz="1000" b="0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g passer ikke godt med </a:t>
            </a:r>
            <a:r>
              <a:rPr lang="da-DK" altLang="da-DK" sz="1000" b="1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IK-farverne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altLang="da-DK" sz="1000" b="0" kern="1200" cap="none" dirty="0">
              <a:solidFill>
                <a:schemeClr val="tx1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Wingdings" panose="05000000000000000000" pitchFamily="2" charset="2"/>
              <a:buChar char="à"/>
              <a:tabLst/>
            </a:pPr>
            <a:r>
              <a:rPr lang="da-DK" altLang="da-DK" sz="1000" b="0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rug helst ikke </a:t>
            </a:r>
            <a:r>
              <a:rPr lang="da-DK" altLang="da-DK" sz="1000" b="1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kift farver </a:t>
            </a:r>
            <a:r>
              <a:rPr lang="da-DK" altLang="da-DK" sz="1000" b="0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 </a:t>
            </a:r>
            <a:r>
              <a:rPr lang="da-DK" altLang="da-DK" sz="1000" b="1" kern="1200" cap="none" dirty="0" err="1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martArt</a:t>
            </a:r>
            <a:r>
              <a:rPr lang="da-DK" altLang="da-DK" sz="1000" b="1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</a:t>
            </a:r>
            <a:br>
              <a:rPr lang="da-DK" altLang="da-DK" sz="1000" b="0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lang="da-DK" altLang="da-DK" sz="1000" b="0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menuen, men tilpas farverne manuelt i </a:t>
            </a:r>
            <a:br>
              <a:rPr lang="da-DK" altLang="da-DK" sz="1000" b="0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lang="da-DK" altLang="da-DK" sz="1000" b="0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tedet.</a:t>
            </a: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Wingdings" panose="05000000000000000000" pitchFamily="2" charset="2"/>
              <a:buChar char="à"/>
              <a:tabLst/>
            </a:pPr>
            <a:r>
              <a:rPr lang="da-DK" altLang="da-DK" sz="1000" b="0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Vælg i stedet farver fra øverste række i farveteamet, via </a:t>
            </a:r>
            <a:r>
              <a:rPr lang="da-DK" altLang="da-DK" sz="1000" b="1" kern="1200" cap="none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yldfarve til figur.</a:t>
            </a:r>
          </a:p>
        </p:txBody>
      </p:sp>
      <p:sp>
        <p:nvSpPr>
          <p:cNvPr id="54" name="AutoShape 4">
            <a:extLst>
              <a:ext uri="{FF2B5EF4-FFF2-40B4-BE49-F238E27FC236}">
                <a16:creationId xmlns:a16="http://schemas.microsoft.com/office/drawing/2014/main" id="{CAC4DA49-2D82-469F-B848-B87A672AFDAF}"/>
              </a:ext>
            </a:extLst>
          </p:cNvPr>
          <p:cNvSpPr>
            <a:spLocks/>
          </p:cNvSpPr>
          <p:nvPr userDrawn="1"/>
        </p:nvSpPr>
        <p:spPr bwMode="gray">
          <a:xfrm>
            <a:off x="273159" y="3481206"/>
            <a:ext cx="2501369" cy="1246495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l" defTabSz="914491" fontAlgn="base">
              <a:lnSpc>
                <a:spcPct val="100000"/>
              </a:lnSpc>
              <a:spcAft>
                <a:spcPct val="0"/>
              </a:spcAft>
              <a:defRPr/>
            </a:pPr>
            <a:r>
              <a:rPr lang="da-DK" sz="1200" b="1" noProof="1">
                <a:solidFill>
                  <a:srgbClr val="3B3B3B"/>
                </a:solidFill>
                <a:latin typeface="Arial" panose="020B0604020202020204" pitchFamily="34" charset="0"/>
                <a:ea typeface="ＭＳ Ｐゴシック" charset="-128"/>
                <a:cs typeface="Arial" panose="020B0604020202020204" pitchFamily="34" charset="0"/>
              </a:rPr>
              <a:t>Indsæt sidetal eller </a:t>
            </a:r>
            <a:br>
              <a:rPr lang="da-DK" sz="1200" b="1" noProof="1">
                <a:solidFill>
                  <a:srgbClr val="3B3B3B"/>
                </a:solidFill>
                <a:latin typeface="Arial" panose="020B0604020202020204" pitchFamily="34" charset="0"/>
                <a:ea typeface="ＭＳ Ｐゴシック" charset="-128"/>
                <a:cs typeface="Arial" panose="020B0604020202020204" pitchFamily="34" charset="0"/>
              </a:rPr>
            </a:br>
            <a:r>
              <a:rPr lang="da-DK" sz="1200" b="1" noProof="1">
                <a:solidFill>
                  <a:srgbClr val="3B3B3B"/>
                </a:solidFill>
                <a:latin typeface="Arial" panose="020B0604020202020204" pitchFamily="34" charset="0"/>
                <a:ea typeface="ＭＳ Ｐゴシック" charset="-128"/>
                <a:cs typeface="Arial" panose="020B0604020202020204" pitchFamily="34" charset="0"/>
              </a:rPr>
              <a:t>sidefod på alle slides</a:t>
            </a:r>
          </a:p>
          <a:p>
            <a:pPr algn="l" defTabSz="914491" fontAlgn="base">
              <a:lnSpc>
                <a:spcPct val="100000"/>
              </a:lnSpc>
              <a:spcAft>
                <a:spcPct val="0"/>
              </a:spcAft>
              <a:defRPr/>
            </a:pPr>
            <a:endParaRPr kumimoji="0" lang="da-DK" altLang="da-DK" sz="1200" b="0" i="0" u="none" strike="noStrike" kern="1200" cap="none" spc="0" normalizeH="0" baseline="0" noProof="1">
              <a:ln>
                <a:noFill/>
              </a:ln>
              <a:solidFill>
                <a:srgbClr val="2A2A2A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  <a:sym typeface="Wingdings" panose="05000000000000000000" pitchFamily="2" charset="2"/>
            </a:endParaRPr>
          </a:p>
          <a:p>
            <a:pPr marL="171450" indent="-171450" algn="l" defTabSz="4572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à"/>
              <a:tabLst>
                <a:tab pos="177800" algn="l"/>
              </a:tabLst>
              <a:defRPr/>
            </a:pPr>
            <a:r>
              <a:rPr lang="da-DK" sz="1000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a </a:t>
            </a:r>
            <a:r>
              <a:rPr lang="da-DK" sz="1000" b="1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</a:t>
            </a:r>
            <a:r>
              <a:rPr lang="da-DK" sz="1000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1000" b="1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endParaRPr lang="da-DK" sz="1000" noProof="1">
              <a:solidFill>
                <a:srgbClr val="3B3B3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171450" indent="-171450" algn="l" defTabSz="4572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à"/>
              <a:tabLst>
                <a:tab pos="177800" algn="l"/>
              </a:tabLst>
              <a:defRPr/>
            </a:pPr>
            <a:r>
              <a:rPr lang="da-DK" sz="1000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ved slidenummer og sidefoden, hvor du skriver din tekst (vælg </a:t>
            </a:r>
            <a:r>
              <a:rPr lang="da-DK" sz="1000" b="1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)</a:t>
            </a:r>
          </a:p>
        </p:txBody>
      </p:sp>
      <p:sp>
        <p:nvSpPr>
          <p:cNvPr id="57" name="TextBox 17">
            <a:extLst>
              <a:ext uri="{FF2B5EF4-FFF2-40B4-BE49-F238E27FC236}">
                <a16:creationId xmlns:a16="http://schemas.microsoft.com/office/drawing/2014/main" id="{E1318884-99BF-4030-A3FF-B5BA1920173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748933" y="901060"/>
            <a:ext cx="2818143" cy="48628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l" eaLnBrk="1" hangingPunct="1">
              <a:lnSpc>
                <a:spcPct val="100000"/>
              </a:lnSpc>
              <a:defRPr/>
            </a:pPr>
            <a:r>
              <a:rPr lang="da-DK" sz="1200" b="1" kern="0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et billede:</a:t>
            </a:r>
          </a:p>
          <a:p>
            <a:pPr algn="l" eaLnBrk="1" hangingPunct="1">
              <a:lnSpc>
                <a:spcPct val="100000"/>
              </a:lnSpc>
              <a:defRPr/>
            </a:pPr>
            <a:endParaRPr lang="da-DK" sz="1200" b="0" kern="1200" noProof="1">
              <a:solidFill>
                <a:srgbClr val="3B3B3B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None/>
              <a:tabLst>
                <a:tab pos="177800" algn="l"/>
              </a:tabLst>
              <a:defRPr/>
            </a:pP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Ligger der et lag med grafik over </a:t>
            </a:r>
            <a:b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illedet:</a:t>
            </a: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None/>
              <a:tabLst>
                <a:tab pos="177800" algn="l"/>
              </a:tabLst>
              <a:defRPr/>
            </a:pPr>
            <a:endParaRPr lang="da-DK" sz="1000" b="0" kern="1200" noProof="1">
              <a:solidFill>
                <a:srgbClr val="3B3B3B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171450" indent="-171450" algn="l" defTabSz="4572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Wingdings" panose="05000000000000000000" pitchFamily="2" charset="2"/>
              <a:buChar char="à"/>
              <a:tabLst>
                <a:tab pos="177800" algn="l"/>
              </a:tabLst>
              <a:defRPr/>
            </a:pP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lacer først laget bagerst, højreklik og vælg </a:t>
            </a:r>
            <a:r>
              <a:rPr lang="da-DK" sz="1000" b="1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lacer bagerst</a:t>
            </a:r>
          </a:p>
          <a:p>
            <a:pPr marL="171450" indent="-171450" algn="l" defTabSz="4572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Wingdings" panose="05000000000000000000" pitchFamily="2" charset="2"/>
              <a:buChar char="à"/>
              <a:tabLst>
                <a:tab pos="177800" algn="l"/>
              </a:tabLst>
              <a:defRPr/>
            </a:pP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Klik på </a:t>
            </a:r>
            <a:r>
              <a:rPr lang="da-DK" sz="1000" b="1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konet</a:t>
            </a: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i midten af pladsholderen/ligger der i forvejen et billede, </a:t>
            </a:r>
            <a:r>
              <a:rPr kumimoji="0" lang="da-DK" altLang="da-DK" sz="1000" b="0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Wingdings" panose="05000000000000000000" pitchFamily="2" charset="2"/>
              </a:rPr>
              <a:t> </a:t>
            </a: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øjreklik på billedet og vælg </a:t>
            </a:r>
            <a:r>
              <a:rPr lang="da-DK" sz="1000" b="1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kift billede.</a:t>
            </a: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None/>
              <a:tabLst>
                <a:tab pos="177800" algn="l"/>
              </a:tabLst>
              <a:defRPr/>
            </a:pPr>
            <a:endParaRPr lang="da-DK" sz="1000" i="0" kern="0" noProof="1">
              <a:solidFill>
                <a:srgbClr val="3B3B3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None/>
              <a:tabLst>
                <a:tab pos="177800" algn="l"/>
              </a:tabLst>
              <a:defRPr/>
            </a:pPr>
            <a:r>
              <a:rPr lang="da-DK" sz="1000" i="0" kern="0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billedet lægger sig forrest på slidet - Højreklik på billedet og </a:t>
            </a:r>
            <a:r>
              <a:rPr lang="da-DK" sz="1000" b="1" i="0" kern="0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det bagud igen.</a:t>
            </a: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None/>
              <a:tabLst>
                <a:tab pos="177800" algn="l"/>
              </a:tabLst>
              <a:defRPr/>
            </a:pPr>
            <a:endParaRPr lang="da-DK" sz="1000" b="1" i="0" kern="0" noProof="1">
              <a:solidFill>
                <a:srgbClr val="3B3B3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None/>
              <a:tabLst>
                <a:tab pos="177800" algn="l"/>
              </a:tabLst>
              <a:defRPr/>
            </a:pPr>
            <a:endParaRPr lang="da-DK" sz="1000" b="1" i="0" kern="0" noProof="1">
              <a:solidFill>
                <a:srgbClr val="3B3B3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lnSpc>
                <a:spcPct val="100000"/>
              </a:lnSpc>
              <a:defRPr/>
            </a:pPr>
            <a:r>
              <a:rPr lang="da-DK" sz="1200" b="1" kern="0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/flyt billede</a:t>
            </a: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None/>
              <a:tabLst>
                <a:tab pos="177800" algn="l"/>
              </a:tabLst>
              <a:defRPr/>
            </a:pPr>
            <a:endParaRPr lang="da-DK" sz="1000" b="0" kern="1200" noProof="1">
              <a:solidFill>
                <a:srgbClr val="3B3B3B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None/>
              <a:tabLst>
                <a:tab pos="177800" algn="l"/>
              </a:tabLst>
              <a:defRPr/>
            </a:pP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 menuen </a:t>
            </a:r>
            <a:r>
              <a:rPr lang="da-DK" sz="1000" b="1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illedformatering</a:t>
            </a: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, </a:t>
            </a:r>
            <a:b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der fremkommer, når man </a:t>
            </a:r>
            <a:b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markerer et billede, </a:t>
            </a:r>
            <a:b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da-DK" altLang="da-DK" sz="1000" b="0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Wingdings" panose="05000000000000000000" pitchFamily="2" charset="2"/>
              </a:rPr>
              <a:t> </a:t>
            </a:r>
            <a:r>
              <a:rPr kumimoji="0" lang="da-DK" altLang="da-DK" sz="1000" b="0" i="0" u="none" strike="noStrike" kern="1200" cap="none" spc="0" normalizeH="0" baseline="0" noProof="1">
                <a:ln>
                  <a:noFill/>
                </a:ln>
                <a:solidFill>
                  <a:srgbClr val="3B3B3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Wingdings" panose="05000000000000000000" pitchFamily="2" charset="2"/>
              </a:rPr>
              <a:t>B</a:t>
            </a: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rug </a:t>
            </a:r>
            <a:r>
              <a:rPr lang="da-DK" sz="1000" b="1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eskæ</a:t>
            </a: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r.</a:t>
            </a: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None/>
              <a:tabLst>
                <a:tab pos="177800" algn="l"/>
              </a:tabLst>
              <a:defRPr/>
            </a:pPr>
            <a:endParaRPr lang="da-DK" sz="1000" b="0" kern="1200" noProof="1">
              <a:solidFill>
                <a:srgbClr val="3B3B3B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None/>
              <a:tabLst>
                <a:tab pos="177800" algn="l"/>
              </a:tabLst>
              <a:defRPr/>
            </a:pPr>
            <a:r>
              <a:rPr lang="da-DK" sz="1000" b="0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erfra beskæres/flyttes billedet ved at trække i et af billedets hjørner og holde SHIFT nede, sådan proportionerne holdes.</a:t>
            </a: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tabLst>
                <a:tab pos="177800" algn="l"/>
              </a:tabLst>
              <a:defRPr/>
            </a:pPr>
            <a:endParaRPr lang="da-DK" sz="1000" b="0" kern="1200" noProof="1">
              <a:solidFill>
                <a:srgbClr val="3B3B3B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algn="l" defTabSz="457200" rtl="0" eaLnBrk="1" latinLnBrk="0" hangingPunct="1">
              <a:lnSpc>
                <a:spcPct val="100000"/>
              </a:lnSpc>
              <a:spcBef>
                <a:spcPts val="0"/>
              </a:spcBef>
              <a:tabLst>
                <a:tab pos="177800" algn="l"/>
              </a:tabLst>
              <a:defRPr/>
            </a:pPr>
            <a:r>
              <a:rPr lang="da-DK" sz="1000" b="0" i="1" kern="1200" noProof="1">
                <a:solidFill>
                  <a:srgbClr val="3B3B3B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NB. Du kan også flytte rundt på billedet i pladsholderen uden at skalere billedet </a:t>
            </a:r>
          </a:p>
          <a:p>
            <a:pPr marL="0" indent="0" algn="l" defTabSz="4572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None/>
              <a:tabLst>
                <a:tab pos="177800" algn="l"/>
              </a:tabLst>
              <a:defRPr/>
            </a:pPr>
            <a:endParaRPr lang="da-DK" sz="1000" b="1" i="0" kern="0" noProof="1">
              <a:solidFill>
                <a:srgbClr val="3B3B3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0" name="TextBox 20">
            <a:extLst>
              <a:ext uri="{FF2B5EF4-FFF2-40B4-BE49-F238E27FC236}">
                <a16:creationId xmlns:a16="http://schemas.microsoft.com/office/drawing/2014/main" id="{B1D3216D-037A-4F28-9ACD-BF868984F80F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278981" y="1566961"/>
            <a:ext cx="2885999" cy="830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l" eaLnBrk="1" hangingPunct="1">
              <a:lnSpc>
                <a:spcPct val="100000"/>
              </a:lnSpc>
              <a:defRPr/>
            </a:pPr>
            <a:r>
              <a:rPr lang="da-DK" sz="1200" b="1" kern="0" noProof="1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nktopstiling og typografi-niveauer</a:t>
            </a:r>
          </a:p>
          <a:p>
            <a:pPr algn="l" eaLnBrk="1" hangingPunct="1">
              <a:lnSpc>
                <a:spcPct val="100000"/>
              </a:lnSpc>
              <a:defRPr/>
            </a:pPr>
            <a:endParaRPr lang="da-DK" sz="1200" kern="0" noProof="1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171450" indent="-171450" algn="l" eaLnBrk="1" hangingPunct="1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à"/>
              <a:defRPr/>
            </a:pPr>
            <a:r>
              <a:rPr lang="da-DK" sz="1000" kern="0" noProof="1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knapperne </a:t>
            </a:r>
            <a:r>
              <a:rPr lang="da-DK" sz="1000" b="1" kern="0" noProof="1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/Formindsk Indryk </a:t>
            </a:r>
            <a:r>
              <a:rPr kumimoji="0" lang="da-DK" sz="1000" b="0" i="0" u="none" strike="noStrike" kern="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</a:t>
            </a:r>
            <a:r>
              <a:rPr kumimoji="0" lang="da-DK" altLang="da-DK" sz="1000" b="0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Wingdings" panose="05000000000000000000" pitchFamily="2" charset="2"/>
              </a:rPr>
              <a:t> </a:t>
            </a:r>
            <a:r>
              <a:rPr lang="da-DK" sz="1000" b="0" kern="0" noProof="1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 </a:t>
            </a:r>
            <a:r>
              <a:rPr kumimoji="0" lang="da-DK" altLang="da-DK" sz="1000" b="0" i="0" u="none" strike="noStrike" kern="1200" cap="none" spc="0" normalizeH="0" baseline="0" noProof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Wingdings" panose="05000000000000000000" pitchFamily="2" charset="2"/>
              </a:rPr>
              <a:t>  </a:t>
            </a:r>
            <a:r>
              <a:rPr lang="da-DK" sz="1000" b="0" kern="0" noProof="1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fsnit eller brug tabulator for at skifte mellem de forskellige tekst niveauer</a:t>
            </a:r>
          </a:p>
        </p:txBody>
      </p:sp>
      <p:sp>
        <p:nvSpPr>
          <p:cNvPr id="70" name="Title 69">
            <a:extLst>
              <a:ext uri="{FF2B5EF4-FFF2-40B4-BE49-F238E27FC236}">
                <a16:creationId xmlns:a16="http://schemas.microsoft.com/office/drawing/2014/main" id="{975E65CD-18A6-465C-A4CD-0D25BD4D5DE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93176" y="246751"/>
            <a:ext cx="2634508" cy="553994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1"/>
              <a:t>Brugerguide</a:t>
            </a:r>
          </a:p>
        </p:txBody>
      </p:sp>
      <p:sp>
        <p:nvSpPr>
          <p:cNvPr id="33" name="TextBox 17">
            <a:extLst>
              <a:ext uri="{FF2B5EF4-FFF2-40B4-BE49-F238E27FC236}">
                <a16:creationId xmlns:a16="http://schemas.microsoft.com/office/drawing/2014/main" id="{968765C5-9E34-4741-8AB3-D6657E548E7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753665" y="359657"/>
            <a:ext cx="2822737" cy="33007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72000" tIns="72000" rIns="72000" bIns="7200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l" eaLnBrk="1" hangingPunct="1">
              <a:defRPr/>
            </a:pPr>
            <a:r>
              <a:rPr lang="da-DK" sz="1200" b="1" kern="0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r:</a:t>
            </a:r>
            <a:endParaRPr lang="da-DK" sz="1200" kern="0" noProof="1">
              <a:solidFill>
                <a:srgbClr val="3B3B3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TextBox 17">
            <a:extLst>
              <a:ext uri="{FF2B5EF4-FFF2-40B4-BE49-F238E27FC236}">
                <a16:creationId xmlns:a16="http://schemas.microsoft.com/office/drawing/2014/main" id="{0B2FC5C7-7ED1-4F89-B34D-64570143D2C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48315" y="359657"/>
            <a:ext cx="2947532" cy="33007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72000" tIns="72000" rIns="72000" bIns="7200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l" eaLnBrk="1" hangingPunct="1">
              <a:defRPr/>
            </a:pPr>
            <a:r>
              <a:rPr lang="da-DK" sz="1200" b="1" kern="0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arver:</a:t>
            </a:r>
            <a:endParaRPr lang="da-DK" sz="1200" kern="0" noProof="1">
              <a:solidFill>
                <a:srgbClr val="3B3B3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aphicFrame>
        <p:nvGraphicFramePr>
          <p:cNvPr id="13" name="Diagram 12">
            <a:extLst>
              <a:ext uri="{FF2B5EF4-FFF2-40B4-BE49-F238E27FC236}">
                <a16:creationId xmlns:a16="http://schemas.microsoft.com/office/drawing/2014/main" id="{3BBED313-FABC-4BE8-AF66-8F2ECB6BA3B4}"/>
              </a:ext>
            </a:extLst>
          </p:cNvPr>
          <p:cNvGraphicFramePr/>
          <p:nvPr userDrawn="1">
            <p:extLst/>
          </p:nvPr>
        </p:nvGraphicFramePr>
        <p:xfrm>
          <a:off x="7330921" y="5584717"/>
          <a:ext cx="2618390" cy="63803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37" name="Billede 36">
            <a:extLst>
              <a:ext uri="{FF2B5EF4-FFF2-40B4-BE49-F238E27FC236}">
                <a16:creationId xmlns:a16="http://schemas.microsoft.com/office/drawing/2014/main" id="{A2DC090E-5988-4A00-A40C-695F65A9EDA6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772172" y="3429186"/>
            <a:ext cx="344269" cy="545093"/>
          </a:xfrm>
          <a:prstGeom prst="rect">
            <a:avLst/>
          </a:prstGeom>
        </p:spPr>
      </p:pic>
      <p:grpSp>
        <p:nvGrpSpPr>
          <p:cNvPr id="23" name="Gruppe 22">
            <a:extLst>
              <a:ext uri="{FF2B5EF4-FFF2-40B4-BE49-F238E27FC236}">
                <a16:creationId xmlns:a16="http://schemas.microsoft.com/office/drawing/2014/main" id="{8DBB6886-1368-4DC6-AC9D-280156072B70}"/>
              </a:ext>
            </a:extLst>
          </p:cNvPr>
          <p:cNvGrpSpPr/>
          <p:nvPr userDrawn="1"/>
        </p:nvGrpSpPr>
        <p:grpSpPr>
          <a:xfrm>
            <a:off x="416665" y="2418698"/>
            <a:ext cx="2414066" cy="666056"/>
            <a:chOff x="2155329" y="1954961"/>
            <a:chExt cx="2414066" cy="666056"/>
          </a:xfrm>
        </p:grpSpPr>
        <p:pic>
          <p:nvPicPr>
            <p:cNvPr id="15" name="Billede 14">
              <a:extLst>
                <a:ext uri="{FF2B5EF4-FFF2-40B4-BE49-F238E27FC236}">
                  <a16:creationId xmlns:a16="http://schemas.microsoft.com/office/drawing/2014/main" id="{F4F36A9D-9D3B-4FCE-9A73-C621522E9CA9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 cstate="hq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2155329" y="1982125"/>
              <a:ext cx="2414066" cy="638892"/>
            </a:xfrm>
            <a:prstGeom prst="rect">
              <a:avLst/>
            </a:prstGeom>
          </p:spPr>
        </p:pic>
        <p:sp>
          <p:nvSpPr>
            <p:cNvPr id="16" name="Rektangel 15">
              <a:extLst>
                <a:ext uri="{FF2B5EF4-FFF2-40B4-BE49-F238E27FC236}">
                  <a16:creationId xmlns:a16="http://schemas.microsoft.com/office/drawing/2014/main" id="{ED225C2D-1DF0-422F-AF47-724698D46FAF}"/>
                </a:ext>
              </a:extLst>
            </p:cNvPr>
            <p:cNvSpPr/>
            <p:nvPr userDrawn="1"/>
          </p:nvSpPr>
          <p:spPr>
            <a:xfrm>
              <a:off x="2762067" y="1954961"/>
              <a:ext cx="390586" cy="294130"/>
            </a:xfrm>
            <a:prstGeom prst="rect">
              <a:avLst/>
            </a:prstGeom>
            <a:noFill/>
            <a:ln w="22225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 lang="da-DK" noProof="1"/>
            </a:p>
          </p:txBody>
        </p:sp>
      </p:grpSp>
      <p:pic>
        <p:nvPicPr>
          <p:cNvPr id="21" name="Billede 20">
            <a:extLst>
              <a:ext uri="{FF2B5EF4-FFF2-40B4-BE49-F238E27FC236}">
                <a16:creationId xmlns:a16="http://schemas.microsoft.com/office/drawing/2014/main" id="{F7B94FED-2657-4795-BBB8-C7DA630E6B98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5565229" y="908158"/>
            <a:ext cx="857250" cy="561975"/>
          </a:xfrm>
          <a:prstGeom prst="rect">
            <a:avLst/>
          </a:prstGeom>
        </p:spPr>
      </p:pic>
      <p:pic>
        <p:nvPicPr>
          <p:cNvPr id="25" name="Billede 24">
            <a:extLst>
              <a:ext uri="{FF2B5EF4-FFF2-40B4-BE49-F238E27FC236}">
                <a16:creationId xmlns:a16="http://schemas.microsoft.com/office/drawing/2014/main" id="{6142E7B7-03AD-4EC4-B426-F20EEDF03998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416449" y="3377830"/>
            <a:ext cx="383124" cy="510831"/>
          </a:xfrm>
          <a:prstGeom prst="rect">
            <a:avLst/>
          </a:prstGeom>
        </p:spPr>
      </p:pic>
      <p:pic>
        <p:nvPicPr>
          <p:cNvPr id="61" name="Billede 60">
            <a:extLst>
              <a:ext uri="{FF2B5EF4-FFF2-40B4-BE49-F238E27FC236}">
                <a16:creationId xmlns:a16="http://schemas.microsoft.com/office/drawing/2014/main" id="{17A9AED7-5F8F-4E4B-B3BC-17170767F3A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257660" y="1700808"/>
            <a:ext cx="407328" cy="467386"/>
          </a:xfrm>
          <a:prstGeom prst="rect">
            <a:avLst/>
          </a:prstGeom>
        </p:spPr>
      </p:pic>
      <p:grpSp>
        <p:nvGrpSpPr>
          <p:cNvPr id="40" name="Gruppe 39">
            <a:extLst>
              <a:ext uri="{FF2B5EF4-FFF2-40B4-BE49-F238E27FC236}">
                <a16:creationId xmlns:a16="http://schemas.microsoft.com/office/drawing/2014/main" id="{FC11857B-55E6-4723-AAD1-895DB3598081}"/>
              </a:ext>
            </a:extLst>
          </p:cNvPr>
          <p:cNvGrpSpPr/>
          <p:nvPr userDrawn="1"/>
        </p:nvGrpSpPr>
        <p:grpSpPr>
          <a:xfrm>
            <a:off x="9677986" y="3942833"/>
            <a:ext cx="330336" cy="446942"/>
            <a:chOff x="9903682" y="3974885"/>
            <a:chExt cx="330336" cy="446942"/>
          </a:xfrm>
        </p:grpSpPr>
        <p:pic>
          <p:nvPicPr>
            <p:cNvPr id="41" name="Billede 40" descr="Et billede, der indeholder tekst&#10;&#10;Automatisk genereret beskrivelse">
              <a:extLst>
                <a:ext uri="{FF2B5EF4-FFF2-40B4-BE49-F238E27FC236}">
                  <a16:creationId xmlns:a16="http://schemas.microsoft.com/office/drawing/2014/main" id="{481D7A41-17A0-49BE-AC39-183040E8C603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3"/>
            <a:stretch>
              <a:fillRect/>
            </a:stretch>
          </p:blipFill>
          <p:spPr>
            <a:xfrm>
              <a:off x="9903682" y="3992405"/>
              <a:ext cx="330336" cy="420427"/>
            </a:xfrm>
            <a:prstGeom prst="rect">
              <a:avLst/>
            </a:prstGeom>
          </p:spPr>
        </p:pic>
        <p:grpSp>
          <p:nvGrpSpPr>
            <p:cNvPr id="67" name="Gruppe 66">
              <a:extLst>
                <a:ext uri="{FF2B5EF4-FFF2-40B4-BE49-F238E27FC236}">
                  <a16:creationId xmlns:a16="http://schemas.microsoft.com/office/drawing/2014/main" id="{FC12BE07-4415-4595-82BB-6A5DEC265D57}"/>
                </a:ext>
              </a:extLst>
            </p:cNvPr>
            <p:cNvGrpSpPr/>
            <p:nvPr userDrawn="1"/>
          </p:nvGrpSpPr>
          <p:grpSpPr>
            <a:xfrm>
              <a:off x="9903682" y="3974885"/>
              <a:ext cx="291920" cy="446942"/>
              <a:chOff x="10679460" y="5048841"/>
              <a:chExt cx="205072" cy="457814"/>
            </a:xfrm>
          </p:grpSpPr>
          <p:cxnSp>
            <p:nvCxnSpPr>
              <p:cNvPr id="68" name="Straight Connector 34">
                <a:extLst>
                  <a:ext uri="{FF2B5EF4-FFF2-40B4-BE49-F238E27FC236}">
                    <a16:creationId xmlns:a16="http://schemas.microsoft.com/office/drawing/2014/main" id="{879BDD4E-134A-4C23-BC1D-774CDCCD7237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10679460" y="5048841"/>
                <a:ext cx="205072" cy="457814"/>
              </a:xfrm>
              <a:prstGeom prst="line">
                <a:avLst/>
              </a:prstGeom>
              <a:ln w="63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1" name="Straight Connector 37">
                <a:extLst>
                  <a:ext uri="{FF2B5EF4-FFF2-40B4-BE49-F238E27FC236}">
                    <a16:creationId xmlns:a16="http://schemas.microsoft.com/office/drawing/2014/main" id="{FB325DA9-EDBB-485E-9CB8-B67EF5DE5486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H="1">
                <a:off x="10679461" y="5048841"/>
                <a:ext cx="205071" cy="457814"/>
              </a:xfrm>
              <a:prstGeom prst="line">
                <a:avLst/>
              </a:prstGeom>
              <a:ln w="63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76" name="TextBox 17">
            <a:extLst>
              <a:ext uri="{FF2B5EF4-FFF2-40B4-BE49-F238E27FC236}">
                <a16:creationId xmlns:a16="http://schemas.microsoft.com/office/drawing/2014/main" id="{FE0C2136-7395-42D0-B291-627F412EC52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278981" y="1025423"/>
            <a:ext cx="2899543" cy="33007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72000" tIns="72000" rIns="72000" bIns="7200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l" eaLnBrk="1" hangingPunct="1">
              <a:defRPr/>
            </a:pPr>
            <a:r>
              <a:rPr lang="da-DK" sz="1200" b="1" kern="0" noProof="1">
                <a:solidFill>
                  <a:srgbClr val="3B3B3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hold:</a:t>
            </a:r>
            <a:endParaRPr lang="da-DK" sz="1200" kern="0" noProof="1">
              <a:solidFill>
                <a:srgbClr val="3B3B3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2" name="Tekstfelt 81">
            <a:extLst>
              <a:ext uri="{FF2B5EF4-FFF2-40B4-BE49-F238E27FC236}">
                <a16:creationId xmlns:a16="http://schemas.microsoft.com/office/drawing/2014/main" id="{CFD32A84-3321-48C8-BC54-0C0766626181}"/>
              </a:ext>
            </a:extLst>
          </p:cNvPr>
          <p:cNvSpPr txBox="1"/>
          <p:nvPr userDrawn="1"/>
        </p:nvSpPr>
        <p:spPr>
          <a:xfrm>
            <a:off x="10257010" y="5133977"/>
            <a:ext cx="1735248" cy="86177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Wingdings" panose="05000000000000000000" pitchFamily="2" charset="2"/>
              <a:buChar char="à"/>
              <a:tabLst/>
              <a:defRPr/>
            </a:pPr>
            <a:r>
              <a:rPr kumimoji="0" lang="da-DK" altLang="da-DK" sz="1000" b="0" i="0" u="none" strike="noStrike" kern="1200" cap="none" spc="0" normalizeH="0" baseline="0" noProof="0" dirty="0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vis du gerne vil bruge farverne i </a:t>
            </a:r>
            <a:r>
              <a:rPr kumimoji="0" lang="da-DK" altLang="da-DK" sz="1000" b="1" i="0" u="none" strike="noStrike" kern="1200" cap="none" spc="0" normalizeH="0" baseline="0" noProof="0" dirty="0" err="1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martArt</a:t>
            </a:r>
            <a:r>
              <a:rPr kumimoji="0" lang="da-DK" altLang="da-DK" sz="1000" b="0" i="0" u="none" strike="noStrike" kern="1200" cap="none" spc="0" normalizeH="0" baseline="0" noProof="0" dirty="0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, </a:t>
            </a:r>
            <a:br>
              <a:rPr kumimoji="0" lang="da-DK" altLang="da-DK" sz="1000" b="0" i="0" u="none" strike="noStrike" kern="1200" cap="none" spc="0" normalizeH="0" baseline="0" noProof="0" dirty="0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da-DK" altLang="da-DK" sz="1000" b="0" i="0" u="none" strike="noStrike" kern="1200" cap="none" spc="0" normalizeH="0" baseline="0" noProof="0" dirty="0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å vælg udelukkende </a:t>
            </a:r>
            <a:r>
              <a:rPr kumimoji="0" lang="da-DK" altLang="da-DK" sz="1000" b="1" i="0" u="none" strike="noStrike" kern="1200" cap="none" spc="0" normalizeH="0" baseline="0" noProof="0" dirty="0">
                <a:ln>
                  <a:noFill/>
                </a:ln>
                <a:solidFill>
                  <a:srgbClr val="2A2A2A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arverig i den venstre kolonne. </a:t>
            </a:r>
            <a:endParaRPr kumimoji="0" lang="da-DK" sz="1000" b="0" i="0" u="none" strike="noStrike" kern="1200" cap="none" spc="0" normalizeH="0" baseline="0" noProof="1">
              <a:ln>
                <a:noFill/>
              </a:ln>
              <a:solidFill>
                <a:srgbClr val="2A2A2A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0C36C119-6A23-42C2-BD97-3C2C4207F93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4"/>
          <a:srcRect l="2081" r="2091"/>
          <a:stretch/>
        </p:blipFill>
        <p:spPr>
          <a:xfrm>
            <a:off x="10292106" y="772615"/>
            <a:ext cx="1615815" cy="1209844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530283F5-9778-4A96-81AD-DCC133DAFE57}"/>
              </a:ext>
            </a:extLst>
          </p:cNvPr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10256857" y="2418698"/>
            <a:ext cx="1651064" cy="2401948"/>
          </a:xfrm>
          <a:prstGeom prst="rect">
            <a:avLst/>
          </a:prstGeom>
        </p:spPr>
      </p:pic>
      <p:sp>
        <p:nvSpPr>
          <p:cNvPr id="6" name="Rektangel 5">
            <a:extLst>
              <a:ext uri="{FF2B5EF4-FFF2-40B4-BE49-F238E27FC236}">
                <a16:creationId xmlns:a16="http://schemas.microsoft.com/office/drawing/2014/main" id="{D4E75807-7C16-48E7-BD91-0B2A8932097B}"/>
              </a:ext>
            </a:extLst>
          </p:cNvPr>
          <p:cNvSpPr/>
          <p:nvPr userDrawn="1"/>
        </p:nvSpPr>
        <p:spPr>
          <a:xfrm>
            <a:off x="10292106" y="3429000"/>
            <a:ext cx="255578" cy="252663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cxnSp>
        <p:nvCxnSpPr>
          <p:cNvPr id="52" name="Straight Connector 34">
            <a:extLst>
              <a:ext uri="{FF2B5EF4-FFF2-40B4-BE49-F238E27FC236}">
                <a16:creationId xmlns:a16="http://schemas.microsoft.com/office/drawing/2014/main" id="{BA88294D-306E-41E2-84B4-30591653CBA1}"/>
              </a:ext>
            </a:extLst>
          </p:cNvPr>
          <p:cNvCxnSpPr>
            <a:cxnSpLocks/>
          </p:cNvCxnSpPr>
          <p:nvPr userDrawn="1"/>
        </p:nvCxnSpPr>
        <p:spPr>
          <a:xfrm>
            <a:off x="10643937" y="3429000"/>
            <a:ext cx="152555" cy="24539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Straight Connector 37">
            <a:extLst>
              <a:ext uri="{FF2B5EF4-FFF2-40B4-BE49-F238E27FC236}">
                <a16:creationId xmlns:a16="http://schemas.microsoft.com/office/drawing/2014/main" id="{3BA36258-5E9E-4E6C-8D11-333FF1352560}"/>
              </a:ext>
            </a:extLst>
          </p:cNvPr>
          <p:cNvCxnSpPr>
            <a:cxnSpLocks/>
          </p:cNvCxnSpPr>
          <p:nvPr userDrawn="1"/>
        </p:nvCxnSpPr>
        <p:spPr>
          <a:xfrm flipH="1">
            <a:off x="10643937" y="3429000"/>
            <a:ext cx="152555" cy="24539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Connector 34">
            <a:extLst>
              <a:ext uri="{FF2B5EF4-FFF2-40B4-BE49-F238E27FC236}">
                <a16:creationId xmlns:a16="http://schemas.microsoft.com/office/drawing/2014/main" id="{C35B100F-F248-4565-B77C-92E9783035AC}"/>
              </a:ext>
            </a:extLst>
          </p:cNvPr>
          <p:cNvCxnSpPr>
            <a:cxnSpLocks/>
          </p:cNvCxnSpPr>
          <p:nvPr userDrawn="1"/>
        </p:nvCxnSpPr>
        <p:spPr>
          <a:xfrm>
            <a:off x="11285619" y="3429002"/>
            <a:ext cx="152555" cy="24539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37">
            <a:extLst>
              <a:ext uri="{FF2B5EF4-FFF2-40B4-BE49-F238E27FC236}">
                <a16:creationId xmlns:a16="http://schemas.microsoft.com/office/drawing/2014/main" id="{36F7C68F-8D14-4E1F-8A34-CC31547B784E}"/>
              </a:ext>
            </a:extLst>
          </p:cNvPr>
          <p:cNvCxnSpPr>
            <a:cxnSpLocks/>
          </p:cNvCxnSpPr>
          <p:nvPr userDrawn="1"/>
        </p:nvCxnSpPr>
        <p:spPr>
          <a:xfrm flipH="1">
            <a:off x="11285619" y="3429002"/>
            <a:ext cx="152555" cy="24539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34">
            <a:extLst>
              <a:ext uri="{FF2B5EF4-FFF2-40B4-BE49-F238E27FC236}">
                <a16:creationId xmlns:a16="http://schemas.microsoft.com/office/drawing/2014/main" id="{DBE1CF59-8923-481E-A593-9E4C2A71F598}"/>
              </a:ext>
            </a:extLst>
          </p:cNvPr>
          <p:cNvCxnSpPr>
            <a:cxnSpLocks/>
          </p:cNvCxnSpPr>
          <p:nvPr userDrawn="1"/>
        </p:nvCxnSpPr>
        <p:spPr>
          <a:xfrm>
            <a:off x="11622501" y="3412960"/>
            <a:ext cx="152555" cy="24539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Straight Connector 37">
            <a:extLst>
              <a:ext uri="{FF2B5EF4-FFF2-40B4-BE49-F238E27FC236}">
                <a16:creationId xmlns:a16="http://schemas.microsoft.com/office/drawing/2014/main" id="{99AEBF1B-F054-4D90-8616-70F165B16771}"/>
              </a:ext>
            </a:extLst>
          </p:cNvPr>
          <p:cNvCxnSpPr>
            <a:cxnSpLocks/>
          </p:cNvCxnSpPr>
          <p:nvPr userDrawn="1"/>
        </p:nvCxnSpPr>
        <p:spPr>
          <a:xfrm flipH="1">
            <a:off x="11622501" y="3412960"/>
            <a:ext cx="152555" cy="24539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Straight Connector 34">
            <a:extLst>
              <a:ext uri="{FF2B5EF4-FFF2-40B4-BE49-F238E27FC236}">
                <a16:creationId xmlns:a16="http://schemas.microsoft.com/office/drawing/2014/main" id="{593CE4F0-9630-4F5E-A160-19AA801D5CA0}"/>
              </a:ext>
            </a:extLst>
          </p:cNvPr>
          <p:cNvCxnSpPr>
            <a:cxnSpLocks/>
          </p:cNvCxnSpPr>
          <p:nvPr userDrawn="1"/>
        </p:nvCxnSpPr>
        <p:spPr>
          <a:xfrm>
            <a:off x="10972801" y="3429003"/>
            <a:ext cx="152555" cy="24539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37">
            <a:extLst>
              <a:ext uri="{FF2B5EF4-FFF2-40B4-BE49-F238E27FC236}">
                <a16:creationId xmlns:a16="http://schemas.microsoft.com/office/drawing/2014/main" id="{BA5D5B37-D90D-4A75-A745-9A15F450B3AB}"/>
              </a:ext>
            </a:extLst>
          </p:cNvPr>
          <p:cNvCxnSpPr>
            <a:cxnSpLocks/>
          </p:cNvCxnSpPr>
          <p:nvPr userDrawn="1"/>
        </p:nvCxnSpPr>
        <p:spPr>
          <a:xfrm flipH="1">
            <a:off x="10972801" y="3429003"/>
            <a:ext cx="152555" cy="245397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Straight Connector 34">
            <a:extLst>
              <a:ext uri="{FF2B5EF4-FFF2-40B4-BE49-F238E27FC236}">
                <a16:creationId xmlns:a16="http://schemas.microsoft.com/office/drawing/2014/main" id="{DB25D598-032F-4C3C-B529-53E798D3B1A3}"/>
              </a:ext>
            </a:extLst>
          </p:cNvPr>
          <p:cNvCxnSpPr>
            <a:cxnSpLocks/>
          </p:cNvCxnSpPr>
          <p:nvPr userDrawn="1"/>
        </p:nvCxnSpPr>
        <p:spPr>
          <a:xfrm>
            <a:off x="10972801" y="3810000"/>
            <a:ext cx="839991" cy="874703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Straight Connector 37">
            <a:extLst>
              <a:ext uri="{FF2B5EF4-FFF2-40B4-BE49-F238E27FC236}">
                <a16:creationId xmlns:a16="http://schemas.microsoft.com/office/drawing/2014/main" id="{9EE18FE7-13D3-4C1C-A3C9-C86F68E820A0}"/>
              </a:ext>
            </a:extLst>
          </p:cNvPr>
          <p:cNvCxnSpPr>
            <a:cxnSpLocks/>
          </p:cNvCxnSpPr>
          <p:nvPr userDrawn="1"/>
        </p:nvCxnSpPr>
        <p:spPr>
          <a:xfrm flipH="1">
            <a:off x="10972801" y="3800375"/>
            <a:ext cx="802256" cy="884328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6" name="Billede 85">
            <a:extLst>
              <a:ext uri="{FF2B5EF4-FFF2-40B4-BE49-F238E27FC236}">
                <a16:creationId xmlns:a16="http://schemas.microsoft.com/office/drawing/2014/main" id="{AE08FB23-C63E-48E1-8BA3-ACD7AB6B7480}"/>
              </a:ext>
            </a:extLst>
          </p:cNvPr>
          <p:cNvPicPr>
            <a:picLocks noChangeAspect="1"/>
          </p:cNvPicPr>
          <p:nvPr userDrawn="1"/>
        </p:nvPicPr>
        <p:blipFill>
          <a:blip r:embed="rId16"/>
          <a:stretch>
            <a:fillRect/>
          </a:stretch>
        </p:blipFill>
        <p:spPr>
          <a:xfrm>
            <a:off x="7345615" y="4948290"/>
            <a:ext cx="2417980" cy="604496"/>
          </a:xfrm>
          <a:prstGeom prst="rect">
            <a:avLst/>
          </a:prstGeom>
        </p:spPr>
      </p:pic>
      <p:sp>
        <p:nvSpPr>
          <p:cNvPr id="87" name="Rektangel 86">
            <a:extLst>
              <a:ext uri="{FF2B5EF4-FFF2-40B4-BE49-F238E27FC236}">
                <a16:creationId xmlns:a16="http://schemas.microsoft.com/office/drawing/2014/main" id="{808A65F8-17A8-4F97-AF42-5DF349A512EC}"/>
              </a:ext>
            </a:extLst>
          </p:cNvPr>
          <p:cNvSpPr/>
          <p:nvPr userDrawn="1"/>
        </p:nvSpPr>
        <p:spPr>
          <a:xfrm>
            <a:off x="7345615" y="5078591"/>
            <a:ext cx="827838" cy="159158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1407180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6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: enkelt hjørne afrundet 6">
            <a:extLst>
              <a:ext uri="{FF2B5EF4-FFF2-40B4-BE49-F238E27FC236}">
                <a16:creationId xmlns:a16="http://schemas.microsoft.com/office/drawing/2014/main" id="{748F59EC-D8A2-7D8F-6018-216FD8984D1B}"/>
              </a:ext>
            </a:extLst>
          </p:cNvPr>
          <p:cNvSpPr/>
          <p:nvPr userDrawn="1"/>
        </p:nvSpPr>
        <p:spPr>
          <a:xfrm rot="5400000">
            <a:off x="445415" y="-445417"/>
            <a:ext cx="6858000" cy="7748833"/>
          </a:xfrm>
          <a:prstGeom prst="round1Rect">
            <a:avLst>
              <a:gd name="adj" fmla="val 11993"/>
            </a:avLst>
          </a:prstGeom>
          <a:solidFill>
            <a:schemeClr val="accent3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0EA8A3E3-0AE8-F906-A237-7077CA843E3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1033" y="5056982"/>
            <a:ext cx="1323973" cy="1298512"/>
          </a:xfrm>
          <a:prstGeom prst="rect">
            <a:avLst/>
          </a:prstGeom>
        </p:spPr>
      </p:pic>
      <p:pic>
        <p:nvPicPr>
          <p:cNvPr id="15" name="Grafik 14">
            <a:extLst>
              <a:ext uri="{FF2B5EF4-FFF2-40B4-BE49-F238E27FC236}">
                <a16:creationId xmlns:a16="http://schemas.microsoft.com/office/drawing/2014/main" id="{C6671AE4-F3AB-83A2-CCFF-7957EE6E9D5C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24053" y="504887"/>
            <a:ext cx="1340593" cy="399600"/>
          </a:xfrm>
          <a:prstGeom prst="rect">
            <a:avLst/>
          </a:prstGeom>
        </p:spPr>
      </p:pic>
      <p:sp>
        <p:nvSpPr>
          <p:cNvPr id="5" name="Titel 7">
            <a:extLst>
              <a:ext uri="{FF2B5EF4-FFF2-40B4-BE49-F238E27FC236}">
                <a16:creationId xmlns:a16="http://schemas.microsoft.com/office/drawing/2014/main" id="{A7EE182E-C597-FA10-8FFA-6B6A7BE299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709" y="1458000"/>
            <a:ext cx="6774492" cy="1649066"/>
          </a:xfrm>
        </p:spPr>
        <p:txBody>
          <a:bodyPr wrap="square" anchor="t">
            <a:noAutofit/>
          </a:bodyPr>
          <a:lstStyle>
            <a:lvl1pPr>
              <a:lnSpc>
                <a:spcPts val="6300"/>
              </a:lnSpc>
              <a:defRPr sz="5200" b="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429817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Kombinationstegning: figur 14">
            <a:extLst>
              <a:ext uri="{FF2B5EF4-FFF2-40B4-BE49-F238E27FC236}">
                <a16:creationId xmlns:a16="http://schemas.microsoft.com/office/drawing/2014/main" id="{4BE2988B-8089-FF68-B9EA-A63300364853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0150"/>
            <a:ext cx="8638780" cy="65166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EE30405E-85DB-53B4-EB22-3045E29CD80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2161521"/>
            <a:ext cx="8638780" cy="3995293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b="1">
                <a:solidFill>
                  <a:schemeClr val="tx1"/>
                </a:solidFill>
              </a:defRPr>
            </a:lvl1pPr>
            <a:lvl2pPr marL="457200" indent="0">
              <a:buNone/>
              <a:defRPr>
                <a:solidFill>
                  <a:schemeClr val="tx1"/>
                </a:solidFill>
              </a:defRPr>
            </a:lvl2pPr>
            <a:lvl3pPr marL="914400" indent="0">
              <a:buNone/>
              <a:defRPr>
                <a:solidFill>
                  <a:schemeClr val="tx1"/>
                </a:solidFill>
              </a:defRPr>
            </a:lvl3pPr>
            <a:lvl4pPr marL="1371600" indent="0">
              <a:buNone/>
              <a:defRPr>
                <a:solidFill>
                  <a:schemeClr val="tx1"/>
                </a:solidFill>
              </a:defRPr>
            </a:lvl4pPr>
            <a:lvl5pPr marL="1828800" indent="0">
              <a:buNone/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Rediger teksttypografien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C4E2863A-159B-3CF6-ED91-8D8E728E047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EAFB3789-1AA7-2990-225F-58D0E0DB155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608566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Kombinationstegning: figur 13">
            <a:extLst>
              <a:ext uri="{FF2B5EF4-FFF2-40B4-BE49-F238E27FC236}">
                <a16:creationId xmlns:a16="http://schemas.microsoft.com/office/drawing/2014/main" id="{784F21CB-FEFC-1E29-B9E1-D9B5AEF48CD6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EE30405E-85DB-53B4-EB22-3045E29CD80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2160000"/>
            <a:ext cx="6632573" cy="3995293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b="1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3" name="Pladsholder til billede 12">
            <a:extLst>
              <a:ext uri="{FF2B5EF4-FFF2-40B4-BE49-F238E27FC236}">
                <a16:creationId xmlns:a16="http://schemas.microsoft.com/office/drawing/2014/main" id="{A95E857F-1C3C-CF84-621E-E923C8356997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757162" y="1321767"/>
            <a:ext cx="3793601" cy="5536231"/>
          </a:xfrm>
          <a:custGeom>
            <a:avLst/>
            <a:gdLst>
              <a:gd name="connsiteX0" fmla="*/ 0 w 3793601"/>
              <a:gd name="connsiteY0" fmla="*/ 0 h 5536232"/>
              <a:gd name="connsiteX1" fmla="*/ 2971121 w 3793601"/>
              <a:gd name="connsiteY1" fmla="*/ 0 h 5536232"/>
              <a:gd name="connsiteX2" fmla="*/ 3793601 w 3793601"/>
              <a:gd name="connsiteY2" fmla="*/ 822480 h 5536232"/>
              <a:gd name="connsiteX3" fmla="*/ 3793601 w 3793601"/>
              <a:gd name="connsiteY3" fmla="*/ 5536232 h 5536232"/>
              <a:gd name="connsiteX4" fmla="*/ 0 w 3793601"/>
              <a:gd name="connsiteY4" fmla="*/ 5536232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793601" h="5536232">
                <a:moveTo>
                  <a:pt x="0" y="0"/>
                </a:moveTo>
                <a:lnTo>
                  <a:pt x="2971121" y="0"/>
                </a:lnTo>
                <a:cubicBezTo>
                  <a:pt x="3425364" y="0"/>
                  <a:pt x="3793601" y="368237"/>
                  <a:pt x="3793601" y="822480"/>
                </a:cubicBezTo>
                <a:lnTo>
                  <a:pt x="3793601" y="5536232"/>
                </a:lnTo>
                <a:lnTo>
                  <a:pt x="0" y="5536232"/>
                </a:lnTo>
                <a:close/>
              </a:path>
            </a:pathLst>
          </a:custGeom>
          <a:blipFill dpi="0" rotWithShape="1">
            <a:blip r:embed="rId2"/>
            <a:srcRect/>
            <a:tile tx="285750" ty="0" sx="85000" sy="85000" flip="none" algn="ctr"/>
          </a:blip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18094A36-EFD4-7CE9-CD83-E22F07A78EE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0B8D85A9-3779-CF6A-A98B-34417A5F37D7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159717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Kombinationstegning: figur 14">
            <a:extLst>
              <a:ext uri="{FF2B5EF4-FFF2-40B4-BE49-F238E27FC236}">
                <a16:creationId xmlns:a16="http://schemas.microsoft.com/office/drawing/2014/main" id="{4BE2988B-8089-FF68-B9EA-A63300364853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EE30405E-85DB-53B4-EB22-3045E29CD80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2127600"/>
            <a:ext cx="10439300" cy="3736972"/>
          </a:xfrm>
        </p:spPr>
        <p:txBody>
          <a:bodyPr numCol="3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 dirty="0"/>
              <a:t>Rediger teksttypografien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A5CFF4FE-4624-9C2C-73E7-8C5EBFB6DF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F7D3D1C3-0053-42D4-3F47-3A684C9BFF2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161524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spalt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Kombinationstegning: figur 10">
            <a:extLst>
              <a:ext uri="{FF2B5EF4-FFF2-40B4-BE49-F238E27FC236}">
                <a16:creationId xmlns:a16="http://schemas.microsoft.com/office/drawing/2014/main" id="{4C1883F4-44A5-394B-F61E-96FB0E07DC54}"/>
              </a:ext>
            </a:extLst>
          </p:cNvPr>
          <p:cNvSpPr/>
          <p:nvPr userDrawn="1"/>
        </p:nvSpPr>
        <p:spPr>
          <a:xfrm>
            <a:off x="2" y="1832907"/>
            <a:ext cx="11550761" cy="5025093"/>
          </a:xfrm>
          <a:custGeom>
            <a:avLst/>
            <a:gdLst>
              <a:gd name="connsiteX0" fmla="*/ 0 w 11550761"/>
              <a:gd name="connsiteY0" fmla="*/ 0 h 5025093"/>
              <a:gd name="connsiteX1" fmla="*/ 4692761 w 11550761"/>
              <a:gd name="connsiteY1" fmla="*/ 0 h 5025093"/>
              <a:gd name="connsiteX2" fmla="*/ 6035520 w 11550761"/>
              <a:gd name="connsiteY2" fmla="*/ 0 h 5025093"/>
              <a:gd name="connsiteX3" fmla="*/ 10728281 w 11550761"/>
              <a:gd name="connsiteY3" fmla="*/ 0 h 5025093"/>
              <a:gd name="connsiteX4" fmla="*/ 11550761 w 11550761"/>
              <a:gd name="connsiteY4" fmla="*/ 822480 h 5025093"/>
              <a:gd name="connsiteX5" fmla="*/ 11550761 w 11550761"/>
              <a:gd name="connsiteY5" fmla="*/ 5025093 h 5025093"/>
              <a:gd name="connsiteX6" fmla="*/ 0 w 11550761"/>
              <a:gd name="connsiteY6" fmla="*/ 5025093 h 5025093"/>
              <a:gd name="connsiteX7" fmla="*/ 0 w 11550761"/>
              <a:gd name="connsiteY7" fmla="*/ 0 h 50250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025093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025093"/>
                </a:lnTo>
                <a:lnTo>
                  <a:pt x="0" y="5025093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EE30405E-85DB-53B4-EB22-3045E29CD80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2127600"/>
            <a:ext cx="10439300" cy="3736972"/>
          </a:xfrm>
        </p:spPr>
        <p:txBody>
          <a:bodyPr numCol="3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B89974D2-A5C6-7351-1AF4-5A5D927D577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52B41808-521E-8700-CBD2-8106BB85041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2904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o spalter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Kombinationstegning: figur 5">
            <a:extLst>
              <a:ext uri="{FF2B5EF4-FFF2-40B4-BE49-F238E27FC236}">
                <a16:creationId xmlns:a16="http://schemas.microsoft.com/office/drawing/2014/main" id="{DAE1868C-3F34-65CF-3E29-2C6DF54212F1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8" name="Pladsholder til billede 7">
            <a:extLst>
              <a:ext uri="{FF2B5EF4-FFF2-40B4-BE49-F238E27FC236}">
                <a16:creationId xmlns:a16="http://schemas.microsoft.com/office/drawing/2014/main" id="{8EA6FEFA-D497-5B9E-6A0F-98CFB1D62A8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757162" y="1321768"/>
            <a:ext cx="3793601" cy="5536232"/>
          </a:xfrm>
          <a:custGeom>
            <a:avLst/>
            <a:gdLst>
              <a:gd name="connsiteX0" fmla="*/ 0 w 3793601"/>
              <a:gd name="connsiteY0" fmla="*/ 0 h 5536232"/>
              <a:gd name="connsiteX1" fmla="*/ 2971121 w 3793601"/>
              <a:gd name="connsiteY1" fmla="*/ 0 h 5536232"/>
              <a:gd name="connsiteX2" fmla="*/ 3793601 w 3793601"/>
              <a:gd name="connsiteY2" fmla="*/ 822480 h 5536232"/>
              <a:gd name="connsiteX3" fmla="*/ 3793601 w 3793601"/>
              <a:gd name="connsiteY3" fmla="*/ 5536232 h 5536232"/>
              <a:gd name="connsiteX4" fmla="*/ 0 w 3793601"/>
              <a:gd name="connsiteY4" fmla="*/ 5536232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793601" h="5536232">
                <a:moveTo>
                  <a:pt x="0" y="0"/>
                </a:moveTo>
                <a:lnTo>
                  <a:pt x="2971121" y="0"/>
                </a:lnTo>
                <a:cubicBezTo>
                  <a:pt x="3425364" y="0"/>
                  <a:pt x="3793601" y="368237"/>
                  <a:pt x="3793601" y="822480"/>
                </a:cubicBezTo>
                <a:lnTo>
                  <a:pt x="3793601" y="5536232"/>
                </a:lnTo>
                <a:lnTo>
                  <a:pt x="0" y="5536232"/>
                </a:lnTo>
                <a:close/>
              </a:path>
            </a:pathLst>
          </a:custGeom>
          <a:blipFill>
            <a:blip r:embed="rId2"/>
            <a:srcRect/>
            <a:stretch>
              <a:fillRect/>
            </a:stretch>
          </a:blip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EE30405E-85DB-53B4-EB22-3045E29CD80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2127600"/>
            <a:ext cx="6784973" cy="3736972"/>
          </a:xfrm>
        </p:spPr>
        <p:txBody>
          <a:bodyPr numCol="2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 dirty="0"/>
              <a:t>Rediger teksttypografien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7">
            <a:extLst>
              <a:ext uri="{FF2B5EF4-FFF2-40B4-BE49-F238E27FC236}">
                <a16:creationId xmlns:a16="http://schemas.microsoft.com/office/drawing/2014/main" id="{958AFA27-2AF6-C64F-F442-FF3212C6F4A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7DBC9742-3565-CAE7-7BC5-C830B89B2F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0299998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o spalt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Kombinationstegning: figur 8">
            <a:extLst>
              <a:ext uri="{FF2B5EF4-FFF2-40B4-BE49-F238E27FC236}">
                <a16:creationId xmlns:a16="http://schemas.microsoft.com/office/drawing/2014/main" id="{9EEB87A6-B994-A01A-6AF3-6331AD80918E}"/>
              </a:ext>
            </a:extLst>
          </p:cNvPr>
          <p:cNvSpPr/>
          <p:nvPr userDrawn="1"/>
        </p:nvSpPr>
        <p:spPr>
          <a:xfrm>
            <a:off x="2" y="1832907"/>
            <a:ext cx="11550761" cy="5025093"/>
          </a:xfrm>
          <a:custGeom>
            <a:avLst/>
            <a:gdLst>
              <a:gd name="connsiteX0" fmla="*/ 0 w 11550761"/>
              <a:gd name="connsiteY0" fmla="*/ 0 h 5025093"/>
              <a:gd name="connsiteX1" fmla="*/ 4692761 w 11550761"/>
              <a:gd name="connsiteY1" fmla="*/ 0 h 5025093"/>
              <a:gd name="connsiteX2" fmla="*/ 6035520 w 11550761"/>
              <a:gd name="connsiteY2" fmla="*/ 0 h 5025093"/>
              <a:gd name="connsiteX3" fmla="*/ 10728281 w 11550761"/>
              <a:gd name="connsiteY3" fmla="*/ 0 h 5025093"/>
              <a:gd name="connsiteX4" fmla="*/ 11550761 w 11550761"/>
              <a:gd name="connsiteY4" fmla="*/ 822480 h 5025093"/>
              <a:gd name="connsiteX5" fmla="*/ 11550761 w 11550761"/>
              <a:gd name="connsiteY5" fmla="*/ 5025093 h 5025093"/>
              <a:gd name="connsiteX6" fmla="*/ 0 w 11550761"/>
              <a:gd name="connsiteY6" fmla="*/ 5025093 h 5025093"/>
              <a:gd name="connsiteX7" fmla="*/ 0 w 11550761"/>
              <a:gd name="connsiteY7" fmla="*/ 0 h 50250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025093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025093"/>
                </a:lnTo>
                <a:lnTo>
                  <a:pt x="0" y="5025093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4" name="Pladsholder til billede 13">
            <a:extLst>
              <a:ext uri="{FF2B5EF4-FFF2-40B4-BE49-F238E27FC236}">
                <a16:creationId xmlns:a16="http://schemas.microsoft.com/office/drawing/2014/main" id="{3E63894A-968F-A996-EB2A-13FDF996D2BB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757162" y="1832908"/>
            <a:ext cx="3793601" cy="5025091"/>
          </a:xfrm>
          <a:custGeom>
            <a:avLst/>
            <a:gdLst>
              <a:gd name="connsiteX0" fmla="*/ 0 w 3793601"/>
              <a:gd name="connsiteY0" fmla="*/ 0 h 5025093"/>
              <a:gd name="connsiteX1" fmla="*/ 2971121 w 3793601"/>
              <a:gd name="connsiteY1" fmla="*/ 0 h 5025093"/>
              <a:gd name="connsiteX2" fmla="*/ 3793601 w 3793601"/>
              <a:gd name="connsiteY2" fmla="*/ 822480 h 5025093"/>
              <a:gd name="connsiteX3" fmla="*/ 3793601 w 3793601"/>
              <a:gd name="connsiteY3" fmla="*/ 5025093 h 5025093"/>
              <a:gd name="connsiteX4" fmla="*/ 0 w 3793601"/>
              <a:gd name="connsiteY4" fmla="*/ 5025093 h 50250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793601" h="5025093">
                <a:moveTo>
                  <a:pt x="0" y="0"/>
                </a:moveTo>
                <a:lnTo>
                  <a:pt x="2971121" y="0"/>
                </a:lnTo>
                <a:cubicBezTo>
                  <a:pt x="3425364" y="0"/>
                  <a:pt x="3793601" y="368237"/>
                  <a:pt x="3793601" y="822480"/>
                </a:cubicBezTo>
                <a:lnTo>
                  <a:pt x="3793601" y="5025093"/>
                </a:lnTo>
                <a:lnTo>
                  <a:pt x="0" y="5025093"/>
                </a:lnTo>
                <a:close/>
              </a:path>
            </a:pathLst>
          </a:custGeo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15" name="Pladsholder til tekst 6">
            <a:extLst>
              <a:ext uri="{FF2B5EF4-FFF2-40B4-BE49-F238E27FC236}">
                <a16:creationId xmlns:a16="http://schemas.microsoft.com/office/drawing/2014/main" id="{3A5C8EFA-AAF3-5C54-90AF-B564B8691FAF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2127600"/>
            <a:ext cx="6784973" cy="3736972"/>
          </a:xfrm>
        </p:spPr>
        <p:txBody>
          <a:bodyPr numCol="2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D8DF7DBE-0327-7EE8-A257-F09E9D616C7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D198DD0E-F6D6-D9F1-CFC0-4EA501FAB49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536779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re kasser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Kombinationstegning: figur 5">
            <a:extLst>
              <a:ext uri="{FF2B5EF4-FFF2-40B4-BE49-F238E27FC236}">
                <a16:creationId xmlns:a16="http://schemas.microsoft.com/office/drawing/2014/main" id="{DAE1868C-3F34-65CF-3E29-2C6DF54212F1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EE30405E-85DB-53B4-EB22-3045E29CD80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2902342"/>
            <a:ext cx="3457573" cy="2961129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9" name="Pladsholder til tekst 6">
            <a:extLst>
              <a:ext uri="{FF2B5EF4-FFF2-40B4-BE49-F238E27FC236}">
                <a16:creationId xmlns:a16="http://schemas.microsoft.com/office/drawing/2014/main" id="{2F0BDDCC-AE99-0203-F6E6-5F38DEEE5B0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100738" y="2902342"/>
            <a:ext cx="3457573" cy="2961129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0" name="Pladsholder til tekst 6">
            <a:extLst>
              <a:ext uri="{FF2B5EF4-FFF2-40B4-BE49-F238E27FC236}">
                <a16:creationId xmlns:a16="http://schemas.microsoft.com/office/drawing/2014/main" id="{3B890DDC-6B62-CE30-311E-2C546C33BC9E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658549" y="2902342"/>
            <a:ext cx="3457573" cy="2961129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9" name="Pladsholder til billede 8">
            <a:extLst>
              <a:ext uri="{FF2B5EF4-FFF2-40B4-BE49-F238E27FC236}">
                <a16:creationId xmlns:a16="http://schemas.microsoft.com/office/drawing/2014/main" id="{201D3ECC-94C2-C1EC-5EE9-FBC4C99713AE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636476" y="2116475"/>
            <a:ext cx="748800" cy="74880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10" name="Pladsholder til billede 8">
            <a:extLst>
              <a:ext uri="{FF2B5EF4-FFF2-40B4-BE49-F238E27FC236}">
                <a16:creationId xmlns:a16="http://schemas.microsoft.com/office/drawing/2014/main" id="{7059E949-5767-7085-A4D6-4BB3AAB77F64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4186463" y="2116475"/>
            <a:ext cx="748800" cy="74880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11" name="Pladsholder til billede 8">
            <a:extLst>
              <a:ext uri="{FF2B5EF4-FFF2-40B4-BE49-F238E27FC236}">
                <a16:creationId xmlns:a16="http://schemas.microsoft.com/office/drawing/2014/main" id="{6CCB5392-9B84-702B-4DDC-BE0DA52250CB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748811" y="2116475"/>
            <a:ext cx="748800" cy="74880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FFDC0982-98E6-F11B-0772-5A95342760E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12" name="Grafik 11">
            <a:extLst>
              <a:ext uri="{FF2B5EF4-FFF2-40B4-BE49-F238E27FC236}">
                <a16:creationId xmlns:a16="http://schemas.microsoft.com/office/drawing/2014/main" id="{6B4D93E7-BC95-8E2E-1131-D862D15BA65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206773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o kasser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Kombinationstegning: figur 5">
            <a:extLst>
              <a:ext uri="{FF2B5EF4-FFF2-40B4-BE49-F238E27FC236}">
                <a16:creationId xmlns:a16="http://schemas.microsoft.com/office/drawing/2014/main" id="{DAE1868C-3F34-65CF-3E29-2C6DF54212F1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8" name="Pladsholder til billede 7">
            <a:extLst>
              <a:ext uri="{FF2B5EF4-FFF2-40B4-BE49-F238E27FC236}">
                <a16:creationId xmlns:a16="http://schemas.microsoft.com/office/drawing/2014/main" id="{8EA6FEFA-D497-5B9E-6A0F-98CFB1D62A8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757162" y="1321768"/>
            <a:ext cx="3793601" cy="5536232"/>
          </a:xfrm>
          <a:custGeom>
            <a:avLst/>
            <a:gdLst>
              <a:gd name="connsiteX0" fmla="*/ 0 w 3793601"/>
              <a:gd name="connsiteY0" fmla="*/ 0 h 5536232"/>
              <a:gd name="connsiteX1" fmla="*/ 2971121 w 3793601"/>
              <a:gd name="connsiteY1" fmla="*/ 0 h 5536232"/>
              <a:gd name="connsiteX2" fmla="*/ 3793601 w 3793601"/>
              <a:gd name="connsiteY2" fmla="*/ 822480 h 5536232"/>
              <a:gd name="connsiteX3" fmla="*/ 3793601 w 3793601"/>
              <a:gd name="connsiteY3" fmla="*/ 5536232 h 5536232"/>
              <a:gd name="connsiteX4" fmla="*/ 0 w 3793601"/>
              <a:gd name="connsiteY4" fmla="*/ 5536232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793601" h="5536232">
                <a:moveTo>
                  <a:pt x="0" y="0"/>
                </a:moveTo>
                <a:lnTo>
                  <a:pt x="2971121" y="0"/>
                </a:lnTo>
                <a:cubicBezTo>
                  <a:pt x="3425364" y="0"/>
                  <a:pt x="3793601" y="368237"/>
                  <a:pt x="3793601" y="822480"/>
                </a:cubicBezTo>
                <a:lnTo>
                  <a:pt x="3793601" y="5536232"/>
                </a:lnTo>
                <a:lnTo>
                  <a:pt x="0" y="5536232"/>
                </a:lnTo>
                <a:close/>
              </a:path>
            </a:pathLst>
          </a:custGeom>
          <a:blipFill dpi="0" rotWithShape="1">
            <a:blip r:embed="rId2"/>
            <a:srcRect/>
            <a:stretch>
              <a:fillRect/>
            </a:stretch>
          </a:blip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EE30405E-85DB-53B4-EB22-3045E29CD80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2901600"/>
            <a:ext cx="3457573" cy="2961129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9" name="Pladsholder til tekst 6">
            <a:extLst>
              <a:ext uri="{FF2B5EF4-FFF2-40B4-BE49-F238E27FC236}">
                <a16:creationId xmlns:a16="http://schemas.microsoft.com/office/drawing/2014/main" id="{2F0BDDCC-AE99-0203-F6E6-5F38DEEE5B0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100738" y="2901600"/>
            <a:ext cx="3457573" cy="2961129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9" name="Pladsholder til billede 8">
            <a:extLst>
              <a:ext uri="{FF2B5EF4-FFF2-40B4-BE49-F238E27FC236}">
                <a16:creationId xmlns:a16="http://schemas.microsoft.com/office/drawing/2014/main" id="{7EDF0A75-39AA-EA20-39FD-EDE676B5F4E7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636476" y="2116800"/>
            <a:ext cx="748800" cy="74880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10" name="Pladsholder til billede 8">
            <a:extLst>
              <a:ext uri="{FF2B5EF4-FFF2-40B4-BE49-F238E27FC236}">
                <a16:creationId xmlns:a16="http://schemas.microsoft.com/office/drawing/2014/main" id="{80EF6A9C-083A-8B8D-B417-CD1A25AC36E4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4186463" y="2116800"/>
            <a:ext cx="748800" cy="74880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11" name="Pladsholder til tekst 7">
            <a:extLst>
              <a:ext uri="{FF2B5EF4-FFF2-40B4-BE49-F238E27FC236}">
                <a16:creationId xmlns:a16="http://schemas.microsoft.com/office/drawing/2014/main" id="{2FFA05A1-9D04-73BC-D461-8E944363DF2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12" name="Grafik 11">
            <a:extLst>
              <a:ext uri="{FF2B5EF4-FFF2-40B4-BE49-F238E27FC236}">
                <a16:creationId xmlns:a16="http://schemas.microsoft.com/office/drawing/2014/main" id="{798E5F85-1DF6-2350-F0E8-CA534ADE1C7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978855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re spalter med punkter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Kombinationstegning: figur 14">
            <a:extLst>
              <a:ext uri="{FF2B5EF4-FFF2-40B4-BE49-F238E27FC236}">
                <a16:creationId xmlns:a16="http://schemas.microsoft.com/office/drawing/2014/main" id="{4BE2988B-8089-FF68-B9EA-A63300364853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Pladsholder til tekst 7">
            <a:extLst>
              <a:ext uri="{FF2B5EF4-FFF2-40B4-BE49-F238E27FC236}">
                <a16:creationId xmlns:a16="http://schemas.microsoft.com/office/drawing/2014/main" id="{806ABF61-979E-0D86-80F7-703BE066F46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6" y="2127600"/>
            <a:ext cx="10439299" cy="3736972"/>
          </a:xfrm>
        </p:spPr>
        <p:txBody>
          <a:bodyPr numCol="3" spcCol="360000"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C0846B6C-FCF6-424B-CBE8-0EFF38EBE55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3851B1B1-7EFD-399F-64B9-55C43284565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661742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1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: enkelt hjørne afrundet 6">
            <a:extLst>
              <a:ext uri="{FF2B5EF4-FFF2-40B4-BE49-F238E27FC236}">
                <a16:creationId xmlns:a16="http://schemas.microsoft.com/office/drawing/2014/main" id="{748F59EC-D8A2-7D8F-6018-216FD8984D1B}"/>
              </a:ext>
            </a:extLst>
          </p:cNvPr>
          <p:cNvSpPr/>
          <p:nvPr userDrawn="1"/>
        </p:nvSpPr>
        <p:spPr>
          <a:xfrm rot="5400000">
            <a:off x="445415" y="-445417"/>
            <a:ext cx="6858000" cy="7748833"/>
          </a:xfrm>
          <a:prstGeom prst="round1Rect">
            <a:avLst>
              <a:gd name="adj" fmla="val 11993"/>
            </a:avLst>
          </a:prstGeom>
          <a:solidFill>
            <a:schemeClr val="accent1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" name="Titel 7">
            <a:extLst>
              <a:ext uri="{FF2B5EF4-FFF2-40B4-BE49-F238E27FC236}">
                <a16:creationId xmlns:a16="http://schemas.microsoft.com/office/drawing/2014/main" id="{0B61006B-9062-2F2E-0012-0462E1231D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709" y="1456084"/>
            <a:ext cx="6774492" cy="1649066"/>
          </a:xfrm>
        </p:spPr>
        <p:txBody>
          <a:bodyPr wrap="square" anchor="t">
            <a:noAutofit/>
          </a:bodyPr>
          <a:lstStyle>
            <a:lvl1pPr>
              <a:lnSpc>
                <a:spcPts val="6300"/>
              </a:lnSpc>
              <a:defRPr sz="5200" b="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id="{38BC8477-529B-4D9A-6432-31204F5D32C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235991" y="5750723"/>
            <a:ext cx="5079210" cy="990601"/>
          </a:xfrm>
        </p:spPr>
        <p:txBody>
          <a:bodyPr>
            <a:normAutofit/>
          </a:bodyPr>
          <a:lstStyle>
            <a:lvl1pPr marL="0" indent="0">
              <a:lnSpc>
                <a:spcPts val="2400"/>
              </a:lnSpc>
              <a:spcBef>
                <a:spcPts val="0"/>
              </a:spcBef>
              <a:spcAft>
                <a:spcPts val="0"/>
              </a:spcAft>
              <a:buNone/>
              <a:defRPr sz="20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Rediger teksttypografien i masteren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0EA8A3E3-0AE8-F906-A237-7077CA843E3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1033" y="5056982"/>
            <a:ext cx="1323973" cy="1298512"/>
          </a:xfrm>
          <a:prstGeom prst="rect">
            <a:avLst/>
          </a:prstGeom>
        </p:spPr>
      </p:pic>
      <p:pic>
        <p:nvPicPr>
          <p:cNvPr id="15" name="Grafik 14">
            <a:extLst>
              <a:ext uri="{FF2B5EF4-FFF2-40B4-BE49-F238E27FC236}">
                <a16:creationId xmlns:a16="http://schemas.microsoft.com/office/drawing/2014/main" id="{C6671AE4-F3AB-83A2-CCFF-7957EE6E9D5C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24053" y="504887"/>
            <a:ext cx="1340593" cy="39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6996457"/>
      </p:ext>
    </p:extLst>
  </p:cSld>
  <p:clrMapOvr>
    <a:masterClrMapping/>
  </p:clrMapOvr>
  <p:hf hd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re spalter med punkt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Kombinationstegning: figur 10">
            <a:extLst>
              <a:ext uri="{FF2B5EF4-FFF2-40B4-BE49-F238E27FC236}">
                <a16:creationId xmlns:a16="http://schemas.microsoft.com/office/drawing/2014/main" id="{4C1883F4-44A5-394B-F61E-96FB0E07DC54}"/>
              </a:ext>
            </a:extLst>
          </p:cNvPr>
          <p:cNvSpPr/>
          <p:nvPr userDrawn="1"/>
        </p:nvSpPr>
        <p:spPr>
          <a:xfrm>
            <a:off x="2" y="1832907"/>
            <a:ext cx="11550761" cy="5025093"/>
          </a:xfrm>
          <a:custGeom>
            <a:avLst/>
            <a:gdLst>
              <a:gd name="connsiteX0" fmla="*/ 0 w 11550761"/>
              <a:gd name="connsiteY0" fmla="*/ 0 h 5025093"/>
              <a:gd name="connsiteX1" fmla="*/ 4692761 w 11550761"/>
              <a:gd name="connsiteY1" fmla="*/ 0 h 5025093"/>
              <a:gd name="connsiteX2" fmla="*/ 6035520 w 11550761"/>
              <a:gd name="connsiteY2" fmla="*/ 0 h 5025093"/>
              <a:gd name="connsiteX3" fmla="*/ 10728281 w 11550761"/>
              <a:gd name="connsiteY3" fmla="*/ 0 h 5025093"/>
              <a:gd name="connsiteX4" fmla="*/ 11550761 w 11550761"/>
              <a:gd name="connsiteY4" fmla="*/ 822480 h 5025093"/>
              <a:gd name="connsiteX5" fmla="*/ 11550761 w 11550761"/>
              <a:gd name="connsiteY5" fmla="*/ 5025093 h 5025093"/>
              <a:gd name="connsiteX6" fmla="*/ 0 w 11550761"/>
              <a:gd name="connsiteY6" fmla="*/ 5025093 h 5025093"/>
              <a:gd name="connsiteX7" fmla="*/ 0 w 11550761"/>
              <a:gd name="connsiteY7" fmla="*/ 0 h 50250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025093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025093"/>
                </a:lnTo>
                <a:lnTo>
                  <a:pt x="0" y="5025093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1B4D191F-7168-4C0D-2879-FC83CA94129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6" y="2127600"/>
            <a:ext cx="10439299" cy="3736972"/>
          </a:xfrm>
        </p:spPr>
        <p:txBody>
          <a:bodyPr numCol="3" spcCol="360000"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7">
            <a:extLst>
              <a:ext uri="{FF2B5EF4-FFF2-40B4-BE49-F238E27FC236}">
                <a16:creationId xmlns:a16="http://schemas.microsoft.com/office/drawing/2014/main" id="{EA0CC44C-63F3-9F61-C09A-E0DA58D953E8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25690A42-679B-0429-4EE6-E1917FE17FD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690348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o spalter med punkter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Kombinationstegning: figur 14">
            <a:extLst>
              <a:ext uri="{FF2B5EF4-FFF2-40B4-BE49-F238E27FC236}">
                <a16:creationId xmlns:a16="http://schemas.microsoft.com/office/drawing/2014/main" id="{4BE2988B-8089-FF68-B9EA-A63300364853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7EDFB491-6B5F-59F8-20FF-7A523FADFA9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312442" y="6332218"/>
            <a:ext cx="1633281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6" name="Pladsholder til billede 7">
            <a:extLst>
              <a:ext uri="{FF2B5EF4-FFF2-40B4-BE49-F238E27FC236}">
                <a16:creationId xmlns:a16="http://schemas.microsoft.com/office/drawing/2014/main" id="{32529710-DA81-6D0B-B135-E3074D55CFE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757162" y="1321768"/>
            <a:ext cx="3793601" cy="5536232"/>
          </a:xfrm>
          <a:custGeom>
            <a:avLst/>
            <a:gdLst>
              <a:gd name="connsiteX0" fmla="*/ 0 w 3793601"/>
              <a:gd name="connsiteY0" fmla="*/ 0 h 5536232"/>
              <a:gd name="connsiteX1" fmla="*/ 2971121 w 3793601"/>
              <a:gd name="connsiteY1" fmla="*/ 0 h 5536232"/>
              <a:gd name="connsiteX2" fmla="*/ 3793601 w 3793601"/>
              <a:gd name="connsiteY2" fmla="*/ 822480 h 5536232"/>
              <a:gd name="connsiteX3" fmla="*/ 3793601 w 3793601"/>
              <a:gd name="connsiteY3" fmla="*/ 5536232 h 5536232"/>
              <a:gd name="connsiteX4" fmla="*/ 0 w 3793601"/>
              <a:gd name="connsiteY4" fmla="*/ 5536232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793601" h="5536232">
                <a:moveTo>
                  <a:pt x="0" y="0"/>
                </a:moveTo>
                <a:lnTo>
                  <a:pt x="2971121" y="0"/>
                </a:lnTo>
                <a:cubicBezTo>
                  <a:pt x="3425364" y="0"/>
                  <a:pt x="3793601" y="368237"/>
                  <a:pt x="3793601" y="822480"/>
                </a:cubicBezTo>
                <a:lnTo>
                  <a:pt x="3793601" y="5536232"/>
                </a:lnTo>
                <a:lnTo>
                  <a:pt x="0" y="5536232"/>
                </a:lnTo>
                <a:close/>
              </a:path>
            </a:pathLst>
          </a:custGeom>
          <a:blipFill dpi="0" rotWithShape="1">
            <a:blip r:embed="rId2"/>
            <a:srcRect/>
            <a:tile tx="-958850" ty="0" sx="60000" sy="60000" flip="none" algn="ctr"/>
          </a:blip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7" name="Pladsholder til tekst 7">
            <a:extLst>
              <a:ext uri="{FF2B5EF4-FFF2-40B4-BE49-F238E27FC236}">
                <a16:creationId xmlns:a16="http://schemas.microsoft.com/office/drawing/2014/main" id="{8D067461-D6A7-C885-92ED-7CCA9ED3C66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7" y="2127600"/>
            <a:ext cx="6886574" cy="3736972"/>
          </a:xfrm>
        </p:spPr>
        <p:txBody>
          <a:bodyPr numCol="2" spcCol="360000"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275E5EBD-0F6E-3E35-3D44-D9D40305DEAC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5F0698F-1A1F-FF18-6D97-E64B8729EC9A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776249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o spalter med punkt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Kombinationstegning: figur 10">
            <a:extLst>
              <a:ext uri="{FF2B5EF4-FFF2-40B4-BE49-F238E27FC236}">
                <a16:creationId xmlns:a16="http://schemas.microsoft.com/office/drawing/2014/main" id="{4C1883F4-44A5-394B-F61E-96FB0E07DC54}"/>
              </a:ext>
            </a:extLst>
          </p:cNvPr>
          <p:cNvSpPr/>
          <p:nvPr userDrawn="1"/>
        </p:nvSpPr>
        <p:spPr>
          <a:xfrm>
            <a:off x="2" y="1832907"/>
            <a:ext cx="11550761" cy="5025093"/>
          </a:xfrm>
          <a:custGeom>
            <a:avLst/>
            <a:gdLst>
              <a:gd name="connsiteX0" fmla="*/ 0 w 11550761"/>
              <a:gd name="connsiteY0" fmla="*/ 0 h 5025093"/>
              <a:gd name="connsiteX1" fmla="*/ 4692761 w 11550761"/>
              <a:gd name="connsiteY1" fmla="*/ 0 h 5025093"/>
              <a:gd name="connsiteX2" fmla="*/ 6035520 w 11550761"/>
              <a:gd name="connsiteY2" fmla="*/ 0 h 5025093"/>
              <a:gd name="connsiteX3" fmla="*/ 10728281 w 11550761"/>
              <a:gd name="connsiteY3" fmla="*/ 0 h 5025093"/>
              <a:gd name="connsiteX4" fmla="*/ 11550761 w 11550761"/>
              <a:gd name="connsiteY4" fmla="*/ 822480 h 5025093"/>
              <a:gd name="connsiteX5" fmla="*/ 11550761 w 11550761"/>
              <a:gd name="connsiteY5" fmla="*/ 5025093 h 5025093"/>
              <a:gd name="connsiteX6" fmla="*/ 0 w 11550761"/>
              <a:gd name="connsiteY6" fmla="*/ 5025093 h 5025093"/>
              <a:gd name="connsiteX7" fmla="*/ 0 w 11550761"/>
              <a:gd name="connsiteY7" fmla="*/ 0 h 50250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025093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025093"/>
                </a:lnTo>
                <a:lnTo>
                  <a:pt x="0" y="5025093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1B4D191F-7168-4C0D-2879-FC83CA94129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7" y="2127600"/>
            <a:ext cx="6886574" cy="3736972"/>
          </a:xfrm>
        </p:spPr>
        <p:txBody>
          <a:bodyPr numCol="2" spcCol="360000"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557B0053-F95F-005A-14A6-3DB4FDB8DEF1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757162" y="1832908"/>
            <a:ext cx="3793601" cy="5025091"/>
          </a:xfrm>
          <a:custGeom>
            <a:avLst/>
            <a:gdLst>
              <a:gd name="connsiteX0" fmla="*/ 0 w 3793601"/>
              <a:gd name="connsiteY0" fmla="*/ 0 h 5025093"/>
              <a:gd name="connsiteX1" fmla="*/ 2971121 w 3793601"/>
              <a:gd name="connsiteY1" fmla="*/ 0 h 5025093"/>
              <a:gd name="connsiteX2" fmla="*/ 3793601 w 3793601"/>
              <a:gd name="connsiteY2" fmla="*/ 822480 h 5025093"/>
              <a:gd name="connsiteX3" fmla="*/ 3793601 w 3793601"/>
              <a:gd name="connsiteY3" fmla="*/ 5025093 h 5025093"/>
              <a:gd name="connsiteX4" fmla="*/ 0 w 3793601"/>
              <a:gd name="connsiteY4" fmla="*/ 5025093 h 50250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793601" h="5025093">
                <a:moveTo>
                  <a:pt x="0" y="0"/>
                </a:moveTo>
                <a:lnTo>
                  <a:pt x="2971121" y="0"/>
                </a:lnTo>
                <a:cubicBezTo>
                  <a:pt x="3425364" y="0"/>
                  <a:pt x="3793601" y="368237"/>
                  <a:pt x="3793601" y="822480"/>
                </a:cubicBezTo>
                <a:lnTo>
                  <a:pt x="3793601" y="5025093"/>
                </a:lnTo>
                <a:lnTo>
                  <a:pt x="0" y="5025093"/>
                </a:lnTo>
                <a:close/>
              </a:path>
            </a:pathLst>
          </a:custGeom>
          <a:blipFill dpi="0" rotWithShape="1">
            <a:blip r:embed="rId2"/>
            <a:srcRect/>
            <a:tile tx="285750" ty="0" sx="85000" sy="85000" flip="none" algn="ctr"/>
          </a:blip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1FDB99A0-E60A-6925-0306-51056945371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02B47D9C-B093-6065-E7B3-03E35C6F5BB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550061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o spalter med punkter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Kombinationstegning: figur 14">
            <a:extLst>
              <a:ext uri="{FF2B5EF4-FFF2-40B4-BE49-F238E27FC236}">
                <a16:creationId xmlns:a16="http://schemas.microsoft.com/office/drawing/2014/main" id="{4BE2988B-8089-FF68-B9EA-A63300364853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Pladsholder til tekst 7">
            <a:extLst>
              <a:ext uri="{FF2B5EF4-FFF2-40B4-BE49-F238E27FC236}">
                <a16:creationId xmlns:a16="http://schemas.microsoft.com/office/drawing/2014/main" id="{806ABF61-979E-0D86-80F7-703BE066F46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6" y="2127600"/>
            <a:ext cx="10439299" cy="3736972"/>
          </a:xfrm>
        </p:spPr>
        <p:txBody>
          <a:bodyPr numCol="2" spcCol="540000"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E3ADAC65-9803-BB42-E8CD-A3AA3E87EC1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D30E08E0-ADD1-01F2-0433-81FDF7FBA77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0036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o spalter med punkter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Kombinationstegning: figur 5">
            <a:extLst>
              <a:ext uri="{FF2B5EF4-FFF2-40B4-BE49-F238E27FC236}">
                <a16:creationId xmlns:a16="http://schemas.microsoft.com/office/drawing/2014/main" id="{5C71D352-19E7-B3DB-85D6-85C7F241F254}"/>
              </a:ext>
            </a:extLst>
          </p:cNvPr>
          <p:cNvSpPr/>
          <p:nvPr userDrawn="1"/>
        </p:nvSpPr>
        <p:spPr>
          <a:xfrm>
            <a:off x="2" y="1832907"/>
            <a:ext cx="11550761" cy="5025093"/>
          </a:xfrm>
          <a:custGeom>
            <a:avLst/>
            <a:gdLst>
              <a:gd name="connsiteX0" fmla="*/ 0 w 11550761"/>
              <a:gd name="connsiteY0" fmla="*/ 0 h 5025093"/>
              <a:gd name="connsiteX1" fmla="*/ 4692761 w 11550761"/>
              <a:gd name="connsiteY1" fmla="*/ 0 h 5025093"/>
              <a:gd name="connsiteX2" fmla="*/ 6035520 w 11550761"/>
              <a:gd name="connsiteY2" fmla="*/ 0 h 5025093"/>
              <a:gd name="connsiteX3" fmla="*/ 10728281 w 11550761"/>
              <a:gd name="connsiteY3" fmla="*/ 0 h 5025093"/>
              <a:gd name="connsiteX4" fmla="*/ 11550761 w 11550761"/>
              <a:gd name="connsiteY4" fmla="*/ 822480 h 5025093"/>
              <a:gd name="connsiteX5" fmla="*/ 11550761 w 11550761"/>
              <a:gd name="connsiteY5" fmla="*/ 5025093 h 5025093"/>
              <a:gd name="connsiteX6" fmla="*/ 0 w 11550761"/>
              <a:gd name="connsiteY6" fmla="*/ 5025093 h 5025093"/>
              <a:gd name="connsiteX7" fmla="*/ 0 w 11550761"/>
              <a:gd name="connsiteY7" fmla="*/ 0 h 50250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025093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025093"/>
                </a:lnTo>
                <a:lnTo>
                  <a:pt x="0" y="5025093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Pladsholder til tekst 7">
            <a:extLst>
              <a:ext uri="{FF2B5EF4-FFF2-40B4-BE49-F238E27FC236}">
                <a16:creationId xmlns:a16="http://schemas.microsoft.com/office/drawing/2014/main" id="{806ABF61-979E-0D86-80F7-703BE066F46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6" y="2127600"/>
            <a:ext cx="10439299" cy="3736972"/>
          </a:xfrm>
        </p:spPr>
        <p:txBody>
          <a:bodyPr numCol="2" spcCol="540000"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7">
            <a:extLst>
              <a:ext uri="{FF2B5EF4-FFF2-40B4-BE49-F238E27FC236}">
                <a16:creationId xmlns:a16="http://schemas.microsoft.com/office/drawing/2014/main" id="{1EE727FF-5434-A74F-4EDC-1105471A1F5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D383C8D0-5591-D529-6340-7EDD0BB2618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4356237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en spalte uden pun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Kombinationstegning: figur 14">
            <a:extLst>
              <a:ext uri="{FF2B5EF4-FFF2-40B4-BE49-F238E27FC236}">
                <a16:creationId xmlns:a16="http://schemas.microsoft.com/office/drawing/2014/main" id="{4BE2988B-8089-FF68-B9EA-A63300364853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Pladsholder til tekst 7">
            <a:extLst>
              <a:ext uri="{FF2B5EF4-FFF2-40B4-BE49-F238E27FC236}">
                <a16:creationId xmlns:a16="http://schemas.microsoft.com/office/drawing/2014/main" id="{806ABF61-979E-0D86-80F7-703BE066F46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6" y="2127600"/>
            <a:ext cx="10439299" cy="3736972"/>
          </a:xfrm>
        </p:spPr>
        <p:txBody>
          <a:bodyPr numCol="1" spcCol="54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AA4F7B24-C1C1-DEF3-15F3-8188F738911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C01985DA-13AA-B34D-9456-7F5AA3783D4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0400896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i en spalte uden punkter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Pladsholder til tekst 7">
            <a:extLst>
              <a:ext uri="{FF2B5EF4-FFF2-40B4-BE49-F238E27FC236}">
                <a16:creationId xmlns:a16="http://schemas.microsoft.com/office/drawing/2014/main" id="{806ABF61-979E-0D86-80F7-703BE066F46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6" y="2127600"/>
            <a:ext cx="10439299" cy="3736972"/>
          </a:xfrm>
        </p:spPr>
        <p:txBody>
          <a:bodyPr numCol="1" spcCol="54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F7354DDF-F45E-980F-C5A0-4C41D612B29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63951298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en spalte uden punkter Overskrift 2 linj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Kombinationstegning: figur 5">
            <a:extLst>
              <a:ext uri="{FF2B5EF4-FFF2-40B4-BE49-F238E27FC236}">
                <a16:creationId xmlns:a16="http://schemas.microsoft.com/office/drawing/2014/main" id="{5C71D352-19E7-B3DB-85D6-85C7F241F254}"/>
              </a:ext>
            </a:extLst>
          </p:cNvPr>
          <p:cNvSpPr/>
          <p:nvPr userDrawn="1"/>
        </p:nvSpPr>
        <p:spPr>
          <a:xfrm>
            <a:off x="2" y="1832907"/>
            <a:ext cx="11550761" cy="5025093"/>
          </a:xfrm>
          <a:custGeom>
            <a:avLst/>
            <a:gdLst>
              <a:gd name="connsiteX0" fmla="*/ 0 w 11550761"/>
              <a:gd name="connsiteY0" fmla="*/ 0 h 5025093"/>
              <a:gd name="connsiteX1" fmla="*/ 4692761 w 11550761"/>
              <a:gd name="connsiteY1" fmla="*/ 0 h 5025093"/>
              <a:gd name="connsiteX2" fmla="*/ 6035520 w 11550761"/>
              <a:gd name="connsiteY2" fmla="*/ 0 h 5025093"/>
              <a:gd name="connsiteX3" fmla="*/ 10728281 w 11550761"/>
              <a:gd name="connsiteY3" fmla="*/ 0 h 5025093"/>
              <a:gd name="connsiteX4" fmla="*/ 11550761 w 11550761"/>
              <a:gd name="connsiteY4" fmla="*/ 822480 h 5025093"/>
              <a:gd name="connsiteX5" fmla="*/ 11550761 w 11550761"/>
              <a:gd name="connsiteY5" fmla="*/ 5025093 h 5025093"/>
              <a:gd name="connsiteX6" fmla="*/ 0 w 11550761"/>
              <a:gd name="connsiteY6" fmla="*/ 5025093 h 5025093"/>
              <a:gd name="connsiteX7" fmla="*/ 0 w 11550761"/>
              <a:gd name="connsiteY7" fmla="*/ 0 h 50250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025093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025093"/>
                </a:lnTo>
                <a:lnTo>
                  <a:pt x="0" y="5025093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Pladsholder til tekst 7">
            <a:extLst>
              <a:ext uri="{FF2B5EF4-FFF2-40B4-BE49-F238E27FC236}">
                <a16:creationId xmlns:a16="http://schemas.microsoft.com/office/drawing/2014/main" id="{806ABF61-979E-0D86-80F7-703BE066F46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6" y="2127600"/>
            <a:ext cx="10439299" cy="3736972"/>
          </a:xfrm>
        </p:spPr>
        <p:txBody>
          <a:bodyPr numCol="1" spcCol="54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7">
            <a:extLst>
              <a:ext uri="{FF2B5EF4-FFF2-40B4-BE49-F238E27FC236}">
                <a16:creationId xmlns:a16="http://schemas.microsoft.com/office/drawing/2014/main" id="{9084C237-25D3-E49D-2544-48E096C958B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3F0E9EB5-DB2C-0A11-D1DF-F75E99031A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613628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i en spalte uden punkter hvid Overskrift 2 linj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Pladsholder til tekst 7">
            <a:extLst>
              <a:ext uri="{FF2B5EF4-FFF2-40B4-BE49-F238E27FC236}">
                <a16:creationId xmlns:a16="http://schemas.microsoft.com/office/drawing/2014/main" id="{806ABF61-979E-0D86-80F7-703BE066F46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6" y="2127600"/>
            <a:ext cx="10439299" cy="3736972"/>
          </a:xfrm>
        </p:spPr>
        <p:txBody>
          <a:bodyPr numCol="1" spcCol="54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49F09997-82CE-3FC8-2C0A-E4F86EE13448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7024448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i to spalter med punkter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Pladsholder til tekst 7">
            <a:extLst>
              <a:ext uri="{FF2B5EF4-FFF2-40B4-BE49-F238E27FC236}">
                <a16:creationId xmlns:a16="http://schemas.microsoft.com/office/drawing/2014/main" id="{806ABF61-979E-0D86-80F7-703BE066F46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6" y="2127600"/>
            <a:ext cx="10439299" cy="3736972"/>
          </a:xfrm>
        </p:spPr>
        <p:txBody>
          <a:bodyPr numCol="2" spcCol="540000"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7E11A4FE-7A0E-B0AB-E405-9B0E0963771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782429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2">
    <p:bg>
      <p:bgPr>
        <a:blipFill dpi="0" rotWithShape="1">
          <a:blip r:embed="rId2">
            <a:lum/>
          </a:blip>
          <a:srcRect/>
          <a:stretch>
            <a:fillRect t="-23000" b="-23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: enkelt hjørne afrundet 6">
            <a:extLst>
              <a:ext uri="{FF2B5EF4-FFF2-40B4-BE49-F238E27FC236}">
                <a16:creationId xmlns:a16="http://schemas.microsoft.com/office/drawing/2014/main" id="{748F59EC-D8A2-7D8F-6018-216FD8984D1B}"/>
              </a:ext>
            </a:extLst>
          </p:cNvPr>
          <p:cNvSpPr/>
          <p:nvPr userDrawn="1"/>
        </p:nvSpPr>
        <p:spPr>
          <a:xfrm rot="5400000">
            <a:off x="445415" y="-445417"/>
            <a:ext cx="6858000" cy="7748833"/>
          </a:xfrm>
          <a:prstGeom prst="round1Rect">
            <a:avLst>
              <a:gd name="adj" fmla="val 11993"/>
            </a:avLst>
          </a:prstGeom>
          <a:solidFill>
            <a:schemeClr val="accent2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0EA8A3E3-0AE8-F906-A237-7077CA843E3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1033" y="5056982"/>
            <a:ext cx="1323973" cy="1298512"/>
          </a:xfrm>
          <a:prstGeom prst="rect">
            <a:avLst/>
          </a:prstGeom>
        </p:spPr>
      </p:pic>
      <p:pic>
        <p:nvPicPr>
          <p:cNvPr id="15" name="Grafik 14">
            <a:extLst>
              <a:ext uri="{FF2B5EF4-FFF2-40B4-BE49-F238E27FC236}">
                <a16:creationId xmlns:a16="http://schemas.microsoft.com/office/drawing/2014/main" id="{C6671AE4-F3AB-83A2-CCFF-7957EE6E9D5C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24053" y="504887"/>
            <a:ext cx="1340593" cy="399600"/>
          </a:xfrm>
          <a:prstGeom prst="rect">
            <a:avLst/>
          </a:prstGeom>
        </p:spPr>
      </p:pic>
      <p:sp>
        <p:nvSpPr>
          <p:cNvPr id="5" name="Titel 7">
            <a:extLst>
              <a:ext uri="{FF2B5EF4-FFF2-40B4-BE49-F238E27FC236}">
                <a16:creationId xmlns:a16="http://schemas.microsoft.com/office/drawing/2014/main" id="{63429FFE-D832-1E1A-0980-E1C1DEEAD3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709" y="1456084"/>
            <a:ext cx="6774492" cy="1649066"/>
          </a:xfrm>
        </p:spPr>
        <p:txBody>
          <a:bodyPr wrap="square" anchor="t">
            <a:noAutofit/>
          </a:bodyPr>
          <a:lstStyle>
            <a:lvl1pPr>
              <a:lnSpc>
                <a:spcPts val="6300"/>
              </a:lnSpc>
              <a:defRPr sz="5200" b="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6" name="Pladsholder til tekst 9">
            <a:extLst>
              <a:ext uri="{FF2B5EF4-FFF2-40B4-BE49-F238E27FC236}">
                <a16:creationId xmlns:a16="http://schemas.microsoft.com/office/drawing/2014/main" id="{BD1FE818-F325-E37B-3045-1FB659713D0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235991" y="5750723"/>
            <a:ext cx="5079210" cy="990601"/>
          </a:xfrm>
        </p:spPr>
        <p:txBody>
          <a:bodyPr>
            <a:normAutofit/>
          </a:bodyPr>
          <a:lstStyle>
            <a:lvl1pPr marL="0" indent="0">
              <a:lnSpc>
                <a:spcPts val="2400"/>
              </a:lnSpc>
              <a:spcBef>
                <a:spcPts val="0"/>
              </a:spcBef>
              <a:spcAft>
                <a:spcPts val="0"/>
              </a:spcAft>
              <a:buNone/>
              <a:defRPr sz="20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/>
              <a:t>Rediger tekst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414561714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re spalter med tal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Kombinationstegning: figur 14">
            <a:extLst>
              <a:ext uri="{FF2B5EF4-FFF2-40B4-BE49-F238E27FC236}">
                <a16:creationId xmlns:a16="http://schemas.microsoft.com/office/drawing/2014/main" id="{4BE2988B-8089-FF68-B9EA-A63300364853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Pladsholder til tekst 7">
            <a:extLst>
              <a:ext uri="{FF2B5EF4-FFF2-40B4-BE49-F238E27FC236}">
                <a16:creationId xmlns:a16="http://schemas.microsoft.com/office/drawing/2014/main" id="{806ABF61-979E-0D86-80F7-703BE066F46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6" y="2127600"/>
            <a:ext cx="10439299" cy="3736972"/>
          </a:xfrm>
        </p:spPr>
        <p:txBody>
          <a:bodyPr numCol="3" spcCol="360000"/>
          <a:lstStyle>
            <a:lvl1pPr marL="342900" indent="-342900">
              <a:buFont typeface="+mj-lt"/>
              <a:buAutoNum type="arabicPeriod"/>
              <a:defRPr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36691D1E-115F-E289-6D4B-91721FB7397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B1146278-6EB7-EE98-8293-6A1D6382B33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153374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i to spalter med tal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Kombinationstegning: figur 8">
            <a:extLst>
              <a:ext uri="{FF2B5EF4-FFF2-40B4-BE49-F238E27FC236}">
                <a16:creationId xmlns:a16="http://schemas.microsoft.com/office/drawing/2014/main" id="{0C2D760E-9900-6C78-D9E8-11827BD5234F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8" name="Pladsholder til billede 7">
            <a:extLst>
              <a:ext uri="{FF2B5EF4-FFF2-40B4-BE49-F238E27FC236}">
                <a16:creationId xmlns:a16="http://schemas.microsoft.com/office/drawing/2014/main" id="{3C25311C-9D3F-E6EA-BC65-8047D22FD654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757162" y="1321768"/>
            <a:ext cx="3793601" cy="5536232"/>
          </a:xfrm>
          <a:custGeom>
            <a:avLst/>
            <a:gdLst>
              <a:gd name="connsiteX0" fmla="*/ 0 w 3793601"/>
              <a:gd name="connsiteY0" fmla="*/ 0 h 5536232"/>
              <a:gd name="connsiteX1" fmla="*/ 2971121 w 3793601"/>
              <a:gd name="connsiteY1" fmla="*/ 0 h 5536232"/>
              <a:gd name="connsiteX2" fmla="*/ 3793601 w 3793601"/>
              <a:gd name="connsiteY2" fmla="*/ 822480 h 5536232"/>
              <a:gd name="connsiteX3" fmla="*/ 3793601 w 3793601"/>
              <a:gd name="connsiteY3" fmla="*/ 5536232 h 5536232"/>
              <a:gd name="connsiteX4" fmla="*/ 0 w 3793601"/>
              <a:gd name="connsiteY4" fmla="*/ 5536232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793601" h="5536232">
                <a:moveTo>
                  <a:pt x="0" y="0"/>
                </a:moveTo>
                <a:lnTo>
                  <a:pt x="2971121" y="0"/>
                </a:lnTo>
                <a:cubicBezTo>
                  <a:pt x="3425364" y="0"/>
                  <a:pt x="3793601" y="368237"/>
                  <a:pt x="3793601" y="822480"/>
                </a:cubicBezTo>
                <a:lnTo>
                  <a:pt x="3793601" y="5536232"/>
                </a:lnTo>
                <a:lnTo>
                  <a:pt x="0" y="5536232"/>
                </a:lnTo>
                <a:close/>
              </a:path>
            </a:pathLst>
          </a:custGeo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10" name="Pladsholder til tekst 7">
            <a:extLst>
              <a:ext uri="{FF2B5EF4-FFF2-40B4-BE49-F238E27FC236}">
                <a16:creationId xmlns:a16="http://schemas.microsoft.com/office/drawing/2014/main" id="{FAC86F39-0333-CBC6-046D-F4696E41CE1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6" y="2127600"/>
            <a:ext cx="6815817" cy="3736972"/>
          </a:xfrm>
        </p:spPr>
        <p:txBody>
          <a:bodyPr numCol="2" spcCol="360000"/>
          <a:lstStyle>
            <a:lvl1pPr marL="342900" indent="-342900">
              <a:buFont typeface="+mj-lt"/>
              <a:buAutoNum type="arabicPeriod"/>
              <a:defRPr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F9510A83-3D4C-664E-03F7-9BB36871CC8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EC162515-1CEC-80CC-FE90-DA66A444880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71515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og dia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Kombinationstegning: figur 5">
            <a:extLst>
              <a:ext uri="{FF2B5EF4-FFF2-40B4-BE49-F238E27FC236}">
                <a16:creationId xmlns:a16="http://schemas.microsoft.com/office/drawing/2014/main" id="{DAE1868C-3F34-65CF-3E29-2C6DF54212F1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EE30405E-85DB-53B4-EB22-3045E29CD80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2127600"/>
            <a:ext cx="3230787" cy="3736972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diagram 9">
            <a:extLst>
              <a:ext uri="{FF2B5EF4-FFF2-40B4-BE49-F238E27FC236}">
                <a16:creationId xmlns:a16="http://schemas.microsoft.com/office/drawing/2014/main" id="{6FF9AED1-3830-998C-1901-F4D08980365C}"/>
              </a:ext>
            </a:extLst>
          </p:cNvPr>
          <p:cNvSpPr>
            <a:spLocks noGrp="1"/>
          </p:cNvSpPr>
          <p:nvPr>
            <p:ph type="chart" sz="quarter" idx="14"/>
          </p:nvPr>
        </p:nvSpPr>
        <p:spPr>
          <a:xfrm>
            <a:off x="4099490" y="2846292"/>
            <a:ext cx="3230788" cy="3018279"/>
          </a:xfrm>
        </p:spPr>
        <p:txBody>
          <a:bodyPr/>
          <a:lstStyle/>
          <a:p>
            <a:r>
              <a:rPr lang="da-DK"/>
              <a:t>Klik på ikonet for at tilføje et diagram</a:t>
            </a:r>
          </a:p>
        </p:txBody>
      </p:sp>
      <p:sp>
        <p:nvSpPr>
          <p:cNvPr id="11" name="Pladsholder til tekst 6">
            <a:extLst>
              <a:ext uri="{FF2B5EF4-FFF2-40B4-BE49-F238E27FC236}">
                <a16:creationId xmlns:a16="http://schemas.microsoft.com/office/drawing/2014/main" id="{6A5075BD-144A-C838-FD95-C7107D84233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099490" y="2127600"/>
            <a:ext cx="3230787" cy="718693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7B758464-A71D-3A15-1612-91BCB6C1A09C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sp>
        <p:nvSpPr>
          <p:cNvPr id="9" name="Pladsholder til tekst 6">
            <a:extLst>
              <a:ext uri="{FF2B5EF4-FFF2-40B4-BE49-F238E27FC236}">
                <a16:creationId xmlns:a16="http://schemas.microsoft.com/office/drawing/2014/main" id="{24E9E615-3E63-F683-63AD-1D3C064E7AD3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7656053" y="2127600"/>
            <a:ext cx="3230787" cy="3736971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</p:txBody>
      </p:sp>
      <p:pic>
        <p:nvPicPr>
          <p:cNvPr id="12" name="Grafik 11">
            <a:extLst>
              <a:ext uri="{FF2B5EF4-FFF2-40B4-BE49-F238E27FC236}">
                <a16:creationId xmlns:a16="http://schemas.microsoft.com/office/drawing/2014/main" id="{43DA1DCA-CEB9-E272-4C64-11407228B2B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119280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agramm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Kombinationstegning: figur 18">
            <a:extLst>
              <a:ext uri="{FF2B5EF4-FFF2-40B4-BE49-F238E27FC236}">
                <a16:creationId xmlns:a16="http://schemas.microsoft.com/office/drawing/2014/main" id="{5C85F0E4-828E-C569-93E2-D97BB5693E50}"/>
              </a:ext>
            </a:extLst>
          </p:cNvPr>
          <p:cNvSpPr/>
          <p:nvPr userDrawn="1"/>
        </p:nvSpPr>
        <p:spPr>
          <a:xfrm>
            <a:off x="1" y="1321768"/>
            <a:ext cx="11550761" cy="5536232"/>
          </a:xfrm>
          <a:custGeom>
            <a:avLst/>
            <a:gdLst>
              <a:gd name="connsiteX0" fmla="*/ 0 w 11550761"/>
              <a:gd name="connsiteY0" fmla="*/ 0 h 5536232"/>
              <a:gd name="connsiteX1" fmla="*/ 4692761 w 11550761"/>
              <a:gd name="connsiteY1" fmla="*/ 0 h 5536232"/>
              <a:gd name="connsiteX2" fmla="*/ 6035520 w 11550761"/>
              <a:gd name="connsiteY2" fmla="*/ 0 h 5536232"/>
              <a:gd name="connsiteX3" fmla="*/ 10728281 w 11550761"/>
              <a:gd name="connsiteY3" fmla="*/ 0 h 5536232"/>
              <a:gd name="connsiteX4" fmla="*/ 11550761 w 11550761"/>
              <a:gd name="connsiteY4" fmla="*/ 822480 h 5536232"/>
              <a:gd name="connsiteX5" fmla="*/ 11550761 w 11550761"/>
              <a:gd name="connsiteY5" fmla="*/ 5536232 h 5536232"/>
              <a:gd name="connsiteX6" fmla="*/ 0 w 11550761"/>
              <a:gd name="connsiteY6" fmla="*/ 5536232 h 5536232"/>
              <a:gd name="connsiteX7" fmla="*/ 0 w 11550761"/>
              <a:gd name="connsiteY7" fmla="*/ 0 h 5536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550761" h="5536232">
                <a:moveTo>
                  <a:pt x="0" y="0"/>
                </a:moveTo>
                <a:lnTo>
                  <a:pt x="4692761" y="0"/>
                </a:lnTo>
                <a:lnTo>
                  <a:pt x="6035520" y="0"/>
                </a:lnTo>
                <a:lnTo>
                  <a:pt x="10728281" y="0"/>
                </a:lnTo>
                <a:cubicBezTo>
                  <a:pt x="11182524" y="0"/>
                  <a:pt x="11550761" y="368237"/>
                  <a:pt x="11550761" y="822480"/>
                </a:cubicBezTo>
                <a:lnTo>
                  <a:pt x="11550761" y="5536232"/>
                </a:lnTo>
                <a:lnTo>
                  <a:pt x="0" y="553623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10" name="Pladsholder til diagram 9">
            <a:extLst>
              <a:ext uri="{FF2B5EF4-FFF2-40B4-BE49-F238E27FC236}">
                <a16:creationId xmlns:a16="http://schemas.microsoft.com/office/drawing/2014/main" id="{6FF9AED1-3830-998C-1901-F4D08980365C}"/>
              </a:ext>
            </a:extLst>
          </p:cNvPr>
          <p:cNvSpPr>
            <a:spLocks noGrp="1"/>
          </p:cNvSpPr>
          <p:nvPr>
            <p:ph type="chart" sz="quarter" idx="14"/>
          </p:nvPr>
        </p:nvSpPr>
        <p:spPr>
          <a:xfrm>
            <a:off x="542927" y="2854174"/>
            <a:ext cx="3317873" cy="2508402"/>
          </a:xfrm>
        </p:spPr>
        <p:txBody>
          <a:bodyPr/>
          <a:lstStyle/>
          <a:p>
            <a:r>
              <a:rPr lang="da-DK"/>
              <a:t>Klik på ikonet for at tilføje et diagram</a:t>
            </a:r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Pladsholder til diagram 9">
            <a:extLst>
              <a:ext uri="{FF2B5EF4-FFF2-40B4-BE49-F238E27FC236}">
                <a16:creationId xmlns:a16="http://schemas.microsoft.com/office/drawing/2014/main" id="{E4AE2573-3DEC-EA45-EAFB-69D0233CD0AA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4092577" y="2854174"/>
            <a:ext cx="3317873" cy="2508402"/>
          </a:xfrm>
        </p:spPr>
        <p:txBody>
          <a:bodyPr/>
          <a:lstStyle/>
          <a:p>
            <a:r>
              <a:rPr lang="da-DK"/>
              <a:t>Klik på ikonet for at tilføje et diagram</a:t>
            </a:r>
            <a:endParaRPr lang="da-DK" dirty="0"/>
          </a:p>
        </p:txBody>
      </p:sp>
      <p:sp>
        <p:nvSpPr>
          <p:cNvPr id="11" name="Pladsholder til diagram 9">
            <a:extLst>
              <a:ext uri="{FF2B5EF4-FFF2-40B4-BE49-F238E27FC236}">
                <a16:creationId xmlns:a16="http://schemas.microsoft.com/office/drawing/2014/main" id="{95F16F0C-C2A0-7373-E5E6-7200E2B9E151}"/>
              </a:ext>
            </a:extLst>
          </p:cNvPr>
          <p:cNvSpPr>
            <a:spLocks noGrp="1"/>
          </p:cNvSpPr>
          <p:nvPr>
            <p:ph type="chart" sz="quarter" idx="16"/>
          </p:nvPr>
        </p:nvSpPr>
        <p:spPr>
          <a:xfrm>
            <a:off x="7642227" y="2854174"/>
            <a:ext cx="3317873" cy="2508402"/>
          </a:xfrm>
        </p:spPr>
        <p:txBody>
          <a:bodyPr/>
          <a:lstStyle/>
          <a:p>
            <a:r>
              <a:rPr lang="da-DK"/>
              <a:t>Klik på ikonet for at tilføje et diagram</a:t>
            </a:r>
            <a:endParaRPr lang="da-DK" dirty="0"/>
          </a:p>
        </p:txBody>
      </p:sp>
      <p:sp>
        <p:nvSpPr>
          <p:cNvPr id="12" name="Pladsholder til tekst 6">
            <a:extLst>
              <a:ext uri="{FF2B5EF4-FFF2-40B4-BE49-F238E27FC236}">
                <a16:creationId xmlns:a16="http://schemas.microsoft.com/office/drawing/2014/main" id="{74D8CA32-CBE7-BF86-4CC4-35E27F4F7639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550863" y="2127600"/>
            <a:ext cx="3317873" cy="718693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</p:txBody>
      </p:sp>
      <p:sp>
        <p:nvSpPr>
          <p:cNvPr id="13" name="Pladsholder til tekst 6">
            <a:extLst>
              <a:ext uri="{FF2B5EF4-FFF2-40B4-BE49-F238E27FC236}">
                <a16:creationId xmlns:a16="http://schemas.microsoft.com/office/drawing/2014/main" id="{C5C9D80C-EFF8-32AB-599E-F149FE9AEB7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098984" y="2127600"/>
            <a:ext cx="3317873" cy="718693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</p:txBody>
      </p:sp>
      <p:sp>
        <p:nvSpPr>
          <p:cNvPr id="14" name="Pladsholder til tekst 6">
            <a:extLst>
              <a:ext uri="{FF2B5EF4-FFF2-40B4-BE49-F238E27FC236}">
                <a16:creationId xmlns:a16="http://schemas.microsoft.com/office/drawing/2014/main" id="{51582609-E234-FDE0-453D-851895860D5E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647105" y="2127600"/>
            <a:ext cx="3317873" cy="718693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</p:txBody>
      </p:sp>
      <p:sp>
        <p:nvSpPr>
          <p:cNvPr id="7" name="Pladsholder til tekst 7">
            <a:extLst>
              <a:ext uri="{FF2B5EF4-FFF2-40B4-BE49-F238E27FC236}">
                <a16:creationId xmlns:a16="http://schemas.microsoft.com/office/drawing/2014/main" id="{10313766-A3F7-E3FE-A506-E54853383B5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sp>
        <p:nvSpPr>
          <p:cNvPr id="16" name="Pladsholder til tekst 6">
            <a:extLst>
              <a:ext uri="{FF2B5EF4-FFF2-40B4-BE49-F238E27FC236}">
                <a16:creationId xmlns:a16="http://schemas.microsoft.com/office/drawing/2014/main" id="{15C8A59C-BA1F-3828-13BC-0449361243C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550863" y="5488051"/>
            <a:ext cx="3317873" cy="718693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</p:txBody>
      </p:sp>
      <p:sp>
        <p:nvSpPr>
          <p:cNvPr id="17" name="Pladsholder til tekst 6">
            <a:extLst>
              <a:ext uri="{FF2B5EF4-FFF2-40B4-BE49-F238E27FC236}">
                <a16:creationId xmlns:a16="http://schemas.microsoft.com/office/drawing/2014/main" id="{E8D84C18-B35A-81C2-702B-92001EB19188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4098984" y="5488051"/>
            <a:ext cx="3317873" cy="718693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</p:txBody>
      </p:sp>
      <p:sp>
        <p:nvSpPr>
          <p:cNvPr id="18" name="Pladsholder til tekst 6">
            <a:extLst>
              <a:ext uri="{FF2B5EF4-FFF2-40B4-BE49-F238E27FC236}">
                <a16:creationId xmlns:a16="http://schemas.microsoft.com/office/drawing/2014/main" id="{CF16A090-8CD3-1A7B-6183-B379B5B58D50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647105" y="5488051"/>
            <a:ext cx="3317873" cy="718693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97CEA0EC-5796-97F5-E0AC-311DFA790E2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80295250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 dirty="0"/>
              <a:t>Klik for at redigere titeltypografien i masteren</a:t>
            </a:r>
          </a:p>
        </p:txBody>
      </p:sp>
      <p:sp>
        <p:nvSpPr>
          <p:cNvPr id="9" name="Pladsholder til tekst 6">
            <a:extLst>
              <a:ext uri="{FF2B5EF4-FFF2-40B4-BE49-F238E27FC236}">
                <a16:creationId xmlns:a16="http://schemas.microsoft.com/office/drawing/2014/main" id="{3FED355D-8810-C2B9-003D-DE75314E4E2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1622738"/>
            <a:ext cx="10439300" cy="4430332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FFE43AAE-E438-09EB-F377-E606AAB0453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203311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farvet baggrund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Pladsholder til tekst 6">
            <a:extLst>
              <a:ext uri="{FF2B5EF4-FFF2-40B4-BE49-F238E27FC236}">
                <a16:creationId xmlns:a16="http://schemas.microsoft.com/office/drawing/2014/main" id="{3FED355D-8810-C2B9-003D-DE75314E4E2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1545465"/>
            <a:ext cx="10439300" cy="4572000"/>
          </a:xfrm>
        </p:spPr>
        <p:txBody>
          <a:bodyPr numCol="1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C3529BB8-2B23-CA4C-AFFF-D8CA1597616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21025456-8E26-4794-EC98-6CA57080B2B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9108682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 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847B64CA-9025-7C76-02A9-62BAF6A4FEF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 r="25147"/>
          <a:stretch/>
        </p:blipFill>
        <p:spPr>
          <a:xfrm>
            <a:off x="8796653" y="1659105"/>
            <a:ext cx="3395347" cy="4448762"/>
          </a:xfrm>
          <a:prstGeom prst="rect">
            <a:avLst/>
          </a:prstGeom>
        </p:spPr>
      </p:pic>
      <p:sp>
        <p:nvSpPr>
          <p:cNvPr id="9" name="Pladsholder til tekst 6">
            <a:extLst>
              <a:ext uri="{FF2B5EF4-FFF2-40B4-BE49-F238E27FC236}">
                <a16:creationId xmlns:a16="http://schemas.microsoft.com/office/drawing/2014/main" id="{3FED355D-8810-C2B9-003D-DE75314E4E2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1659105"/>
            <a:ext cx="10439300" cy="4541670"/>
          </a:xfrm>
        </p:spPr>
        <p:txBody>
          <a:bodyPr numCol="3" spcCol="360000"/>
          <a:lstStyle>
            <a:lvl1pPr marL="0" indent="0">
              <a:buFont typeface="+mj-lt"/>
              <a:buNone/>
              <a:defRPr b="0"/>
            </a:lvl1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7">
            <a:extLst>
              <a:ext uri="{FF2B5EF4-FFF2-40B4-BE49-F238E27FC236}">
                <a16:creationId xmlns:a16="http://schemas.microsoft.com/office/drawing/2014/main" id="{70705ADF-58A5-9BAC-F238-504B19934E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6995924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36CAC3A-1C01-626B-46C1-7ACFA02822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Titel på præsentatio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5008547-A37D-8E09-3BB9-3C3EA15F4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‹nr.›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9F1C6FD-7C84-E759-7F6F-A7F98593D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6F502A88-CA79-C9BD-D9BB-C597BD9FAA9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95205" y="6332219"/>
            <a:ext cx="403860" cy="363600"/>
          </a:xfrm>
        </p:spPr>
        <p:txBody>
          <a:bodyPr vert="horz" lIns="0" tIns="45720" rIns="91440" bIns="45720" rtlCol="0" anchor="ctr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lang="en-US" sz="1000" dirty="0"/>
            </a:lvl1pPr>
          </a:lstStyle>
          <a:p>
            <a:pPr marL="0" lvl="0"/>
            <a:r>
              <a:rPr lang="da-DK" dirty="0"/>
              <a:t>Sid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5442025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7">
            <a:extLst>
              <a:ext uri="{FF2B5EF4-FFF2-40B4-BE49-F238E27FC236}">
                <a16:creationId xmlns:a16="http://schemas.microsoft.com/office/drawing/2014/main" id="{0B61006B-9062-2F2E-0012-0462E1231D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708" y="1401384"/>
            <a:ext cx="8056537" cy="1649066"/>
          </a:xfrm>
        </p:spPr>
        <p:txBody>
          <a:bodyPr wrap="square" anchor="t">
            <a:noAutofit/>
          </a:bodyPr>
          <a:lstStyle>
            <a:lvl1pPr>
              <a:lnSpc>
                <a:spcPts val="7800"/>
              </a:lnSpc>
              <a:defRPr sz="68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titeltypografien i masteren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0EA8A3E3-0AE8-F906-A237-7077CA843E3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 r="25695"/>
          <a:stretch/>
        </p:blipFill>
        <p:spPr>
          <a:xfrm>
            <a:off x="7724773" y="498160"/>
            <a:ext cx="4467227" cy="5896378"/>
          </a:xfrm>
          <a:prstGeom prst="rect">
            <a:avLst/>
          </a:prstGeom>
        </p:spPr>
      </p:pic>
      <p:pic>
        <p:nvPicPr>
          <p:cNvPr id="15" name="Grafik 14">
            <a:extLst>
              <a:ext uri="{FF2B5EF4-FFF2-40B4-BE49-F238E27FC236}">
                <a16:creationId xmlns:a16="http://schemas.microsoft.com/office/drawing/2014/main" id="{C6671AE4-F3AB-83A2-CCFF-7957EE6E9D5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24053" y="504887"/>
            <a:ext cx="1340593" cy="399600"/>
          </a:xfrm>
          <a:prstGeom prst="rect">
            <a:avLst/>
          </a:prstGeom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1808F7F1-D729-BCE9-E4E0-93E841D18E04}"/>
              </a:ext>
            </a:extLst>
          </p:cNvPr>
          <p:cNvSpPr txBox="1"/>
          <p:nvPr userDrawn="1"/>
        </p:nvSpPr>
        <p:spPr>
          <a:xfrm>
            <a:off x="540709" y="6003502"/>
            <a:ext cx="151836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2000" dirty="0">
                <a:solidFill>
                  <a:schemeClr val="bg1"/>
                </a:solidFill>
              </a:rPr>
              <a:t>www.sik.dk</a:t>
            </a:r>
          </a:p>
        </p:txBody>
      </p:sp>
    </p:spTree>
    <p:extLst>
      <p:ext uri="{BB962C8B-B14F-4D97-AF65-F5344CB8AC3E}">
        <p14:creationId xmlns:p14="http://schemas.microsoft.com/office/powerpoint/2010/main" val="6167116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3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: enkelt hjørne afrundet 6">
            <a:extLst>
              <a:ext uri="{FF2B5EF4-FFF2-40B4-BE49-F238E27FC236}">
                <a16:creationId xmlns:a16="http://schemas.microsoft.com/office/drawing/2014/main" id="{748F59EC-D8A2-7D8F-6018-216FD8984D1B}"/>
              </a:ext>
            </a:extLst>
          </p:cNvPr>
          <p:cNvSpPr/>
          <p:nvPr userDrawn="1"/>
        </p:nvSpPr>
        <p:spPr>
          <a:xfrm rot="5400000">
            <a:off x="445415" y="-445417"/>
            <a:ext cx="6858000" cy="7748833"/>
          </a:xfrm>
          <a:prstGeom prst="round1Rect">
            <a:avLst>
              <a:gd name="adj" fmla="val 11993"/>
            </a:avLst>
          </a:prstGeom>
          <a:solidFill>
            <a:schemeClr val="accent3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0EA8A3E3-0AE8-F906-A237-7077CA843E3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1033" y="5056982"/>
            <a:ext cx="1323973" cy="1298512"/>
          </a:xfrm>
          <a:prstGeom prst="rect">
            <a:avLst/>
          </a:prstGeom>
        </p:spPr>
      </p:pic>
      <p:pic>
        <p:nvPicPr>
          <p:cNvPr id="15" name="Grafik 14">
            <a:extLst>
              <a:ext uri="{FF2B5EF4-FFF2-40B4-BE49-F238E27FC236}">
                <a16:creationId xmlns:a16="http://schemas.microsoft.com/office/drawing/2014/main" id="{C6671AE4-F3AB-83A2-CCFF-7957EE6E9D5C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24053" y="504887"/>
            <a:ext cx="1340593" cy="399600"/>
          </a:xfrm>
          <a:prstGeom prst="rect">
            <a:avLst/>
          </a:prstGeom>
        </p:spPr>
      </p:pic>
      <p:sp>
        <p:nvSpPr>
          <p:cNvPr id="5" name="Titel 7">
            <a:extLst>
              <a:ext uri="{FF2B5EF4-FFF2-40B4-BE49-F238E27FC236}">
                <a16:creationId xmlns:a16="http://schemas.microsoft.com/office/drawing/2014/main" id="{B951ED86-C3ED-8317-D1C6-E3C04AFDE8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709" y="1456084"/>
            <a:ext cx="6774492" cy="1649066"/>
          </a:xfrm>
        </p:spPr>
        <p:txBody>
          <a:bodyPr wrap="square" anchor="t">
            <a:noAutofit/>
          </a:bodyPr>
          <a:lstStyle>
            <a:lvl1pPr>
              <a:lnSpc>
                <a:spcPts val="6300"/>
              </a:lnSpc>
              <a:defRPr sz="5200" b="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6" name="Pladsholder til tekst 9">
            <a:extLst>
              <a:ext uri="{FF2B5EF4-FFF2-40B4-BE49-F238E27FC236}">
                <a16:creationId xmlns:a16="http://schemas.microsoft.com/office/drawing/2014/main" id="{97345201-07A1-81FB-3DD8-5844C6254C5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235991" y="5750723"/>
            <a:ext cx="5079210" cy="990601"/>
          </a:xfrm>
        </p:spPr>
        <p:txBody>
          <a:bodyPr>
            <a:normAutofit/>
          </a:bodyPr>
          <a:lstStyle>
            <a:lvl1pPr marL="0" indent="0">
              <a:lnSpc>
                <a:spcPts val="2400"/>
              </a:lnSpc>
              <a:spcBef>
                <a:spcPts val="0"/>
              </a:spcBef>
              <a:spcAft>
                <a:spcPts val="0"/>
              </a:spcAft>
              <a:buNone/>
              <a:defRPr sz="20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/>
              <a:t>Rediger tekst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1488975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7">
            <a:extLst>
              <a:ext uri="{FF2B5EF4-FFF2-40B4-BE49-F238E27FC236}">
                <a16:creationId xmlns:a16="http://schemas.microsoft.com/office/drawing/2014/main" id="{0B61006B-9062-2F2E-0012-0462E1231D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709" y="1458000"/>
            <a:ext cx="6774492" cy="1649066"/>
          </a:xfrm>
        </p:spPr>
        <p:txBody>
          <a:bodyPr wrap="square" anchor="t">
            <a:noAutofit/>
          </a:bodyPr>
          <a:lstStyle>
            <a:lvl1pPr>
              <a:lnSpc>
                <a:spcPts val="6300"/>
              </a:lnSpc>
              <a:defRPr sz="52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titeltypografien i masteren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0EA8A3E3-0AE8-F906-A237-7077CA843E3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 r="25695"/>
          <a:stretch/>
        </p:blipFill>
        <p:spPr>
          <a:xfrm>
            <a:off x="7724773" y="498160"/>
            <a:ext cx="4467227" cy="5896378"/>
          </a:xfrm>
          <a:prstGeom prst="rect">
            <a:avLst/>
          </a:prstGeom>
        </p:spPr>
      </p:pic>
      <p:pic>
        <p:nvPicPr>
          <p:cNvPr id="15" name="Grafik 14">
            <a:extLst>
              <a:ext uri="{FF2B5EF4-FFF2-40B4-BE49-F238E27FC236}">
                <a16:creationId xmlns:a16="http://schemas.microsoft.com/office/drawing/2014/main" id="{C6671AE4-F3AB-83A2-CCFF-7957EE6E9D5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24053" y="504887"/>
            <a:ext cx="1340593" cy="39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18417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Grafik 14">
            <a:extLst>
              <a:ext uri="{FF2B5EF4-FFF2-40B4-BE49-F238E27FC236}">
                <a16:creationId xmlns:a16="http://schemas.microsoft.com/office/drawing/2014/main" id="{C6671AE4-F3AB-83A2-CCFF-7957EE6E9D5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24053" y="504887"/>
            <a:ext cx="1340593" cy="399600"/>
          </a:xfrm>
          <a:prstGeom prst="rect">
            <a:avLst/>
          </a:prstGeom>
        </p:spPr>
      </p:pic>
      <p:pic>
        <p:nvPicPr>
          <p:cNvPr id="5" name="Grafik 4">
            <a:extLst>
              <a:ext uri="{FF2B5EF4-FFF2-40B4-BE49-F238E27FC236}">
                <a16:creationId xmlns:a16="http://schemas.microsoft.com/office/drawing/2014/main" id="{1CD13DC4-F848-609E-193D-6176E1E77AE8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rcRect r="25695"/>
          <a:stretch/>
        </p:blipFill>
        <p:spPr>
          <a:xfrm>
            <a:off x="7724773" y="498160"/>
            <a:ext cx="4467227" cy="5896378"/>
          </a:xfrm>
          <a:prstGeom prst="rect">
            <a:avLst/>
          </a:prstGeom>
        </p:spPr>
      </p:pic>
      <p:sp>
        <p:nvSpPr>
          <p:cNvPr id="6" name="Titel 7">
            <a:extLst>
              <a:ext uri="{FF2B5EF4-FFF2-40B4-BE49-F238E27FC236}">
                <a16:creationId xmlns:a16="http://schemas.microsoft.com/office/drawing/2014/main" id="{23EAFC00-C529-FC95-094F-4037AAA4A7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709" y="1458000"/>
            <a:ext cx="6774492" cy="1649066"/>
          </a:xfrm>
        </p:spPr>
        <p:txBody>
          <a:bodyPr wrap="square" anchor="t">
            <a:noAutofit/>
          </a:bodyPr>
          <a:lstStyle>
            <a:lvl1pPr>
              <a:lnSpc>
                <a:spcPts val="6300"/>
              </a:lnSpc>
              <a:defRPr sz="5200" b="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78459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Grafik 14">
            <a:extLst>
              <a:ext uri="{FF2B5EF4-FFF2-40B4-BE49-F238E27FC236}">
                <a16:creationId xmlns:a16="http://schemas.microsoft.com/office/drawing/2014/main" id="{C6671AE4-F3AB-83A2-CCFF-7957EE6E9D5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24053" y="504887"/>
            <a:ext cx="1340593" cy="399600"/>
          </a:xfrm>
          <a:prstGeom prst="rect">
            <a:avLst/>
          </a:prstGeom>
        </p:spPr>
      </p:pic>
      <p:pic>
        <p:nvPicPr>
          <p:cNvPr id="5" name="Grafik 4">
            <a:extLst>
              <a:ext uri="{FF2B5EF4-FFF2-40B4-BE49-F238E27FC236}">
                <a16:creationId xmlns:a16="http://schemas.microsoft.com/office/drawing/2014/main" id="{6794C8D4-2DEC-9F42-9CC6-E09A28B604A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rcRect r="25695"/>
          <a:stretch/>
        </p:blipFill>
        <p:spPr>
          <a:xfrm>
            <a:off x="7724773" y="498160"/>
            <a:ext cx="4467227" cy="5896378"/>
          </a:xfrm>
          <a:prstGeom prst="rect">
            <a:avLst/>
          </a:prstGeom>
        </p:spPr>
      </p:pic>
      <p:sp>
        <p:nvSpPr>
          <p:cNvPr id="6" name="Titel 7">
            <a:extLst>
              <a:ext uri="{FF2B5EF4-FFF2-40B4-BE49-F238E27FC236}">
                <a16:creationId xmlns:a16="http://schemas.microsoft.com/office/drawing/2014/main" id="{9A8CBA49-4B07-529E-E844-DFEE5873715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709" y="1458000"/>
            <a:ext cx="6774492" cy="1649066"/>
          </a:xfrm>
        </p:spPr>
        <p:txBody>
          <a:bodyPr wrap="square" anchor="t">
            <a:noAutofit/>
          </a:bodyPr>
          <a:lstStyle>
            <a:lvl1pPr>
              <a:lnSpc>
                <a:spcPts val="6300"/>
              </a:lnSpc>
              <a:defRPr sz="5200" b="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6403604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4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: enkelt hjørne afrundet 6">
            <a:extLst>
              <a:ext uri="{FF2B5EF4-FFF2-40B4-BE49-F238E27FC236}">
                <a16:creationId xmlns:a16="http://schemas.microsoft.com/office/drawing/2014/main" id="{748F59EC-D8A2-7D8F-6018-216FD8984D1B}"/>
              </a:ext>
            </a:extLst>
          </p:cNvPr>
          <p:cNvSpPr/>
          <p:nvPr userDrawn="1"/>
        </p:nvSpPr>
        <p:spPr>
          <a:xfrm rot="5400000">
            <a:off x="445415" y="-445417"/>
            <a:ext cx="6858000" cy="7748833"/>
          </a:xfrm>
          <a:prstGeom prst="round1Rect">
            <a:avLst>
              <a:gd name="adj" fmla="val 11993"/>
            </a:avLst>
          </a:prstGeom>
          <a:solidFill>
            <a:schemeClr val="accent1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0EA8A3E3-0AE8-F906-A237-7077CA843E3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1033" y="5056982"/>
            <a:ext cx="1323973" cy="1298512"/>
          </a:xfrm>
          <a:prstGeom prst="rect">
            <a:avLst/>
          </a:prstGeom>
        </p:spPr>
      </p:pic>
      <p:pic>
        <p:nvPicPr>
          <p:cNvPr id="15" name="Grafik 14">
            <a:extLst>
              <a:ext uri="{FF2B5EF4-FFF2-40B4-BE49-F238E27FC236}">
                <a16:creationId xmlns:a16="http://schemas.microsoft.com/office/drawing/2014/main" id="{C6671AE4-F3AB-83A2-CCFF-7957EE6E9D5C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24053" y="504887"/>
            <a:ext cx="1340593" cy="399600"/>
          </a:xfrm>
          <a:prstGeom prst="rect">
            <a:avLst/>
          </a:prstGeom>
        </p:spPr>
      </p:pic>
      <p:sp>
        <p:nvSpPr>
          <p:cNvPr id="5" name="Titel 7">
            <a:extLst>
              <a:ext uri="{FF2B5EF4-FFF2-40B4-BE49-F238E27FC236}">
                <a16:creationId xmlns:a16="http://schemas.microsoft.com/office/drawing/2014/main" id="{D966FD72-E6BD-93D6-3B8D-0B6F3D28CD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709" y="1458000"/>
            <a:ext cx="6774492" cy="1649066"/>
          </a:xfrm>
        </p:spPr>
        <p:txBody>
          <a:bodyPr wrap="square" anchor="t">
            <a:noAutofit/>
          </a:bodyPr>
          <a:lstStyle>
            <a:lvl1pPr>
              <a:lnSpc>
                <a:spcPts val="6300"/>
              </a:lnSpc>
              <a:defRPr sz="5200" b="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3288169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5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: enkelt hjørne afrundet 6">
            <a:extLst>
              <a:ext uri="{FF2B5EF4-FFF2-40B4-BE49-F238E27FC236}">
                <a16:creationId xmlns:a16="http://schemas.microsoft.com/office/drawing/2014/main" id="{748F59EC-D8A2-7D8F-6018-216FD8984D1B}"/>
              </a:ext>
            </a:extLst>
          </p:cNvPr>
          <p:cNvSpPr/>
          <p:nvPr userDrawn="1"/>
        </p:nvSpPr>
        <p:spPr>
          <a:xfrm rot="5400000">
            <a:off x="445415" y="-445417"/>
            <a:ext cx="6858000" cy="7748833"/>
          </a:xfrm>
          <a:prstGeom prst="round1Rect">
            <a:avLst>
              <a:gd name="adj" fmla="val 11993"/>
            </a:avLst>
          </a:prstGeom>
          <a:solidFill>
            <a:schemeClr val="accent2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0EA8A3E3-0AE8-F906-A237-7077CA843E3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1033" y="5056982"/>
            <a:ext cx="1323973" cy="1298512"/>
          </a:xfrm>
          <a:prstGeom prst="rect">
            <a:avLst/>
          </a:prstGeom>
        </p:spPr>
      </p:pic>
      <p:pic>
        <p:nvPicPr>
          <p:cNvPr id="15" name="Grafik 14">
            <a:extLst>
              <a:ext uri="{FF2B5EF4-FFF2-40B4-BE49-F238E27FC236}">
                <a16:creationId xmlns:a16="http://schemas.microsoft.com/office/drawing/2014/main" id="{C6671AE4-F3AB-83A2-CCFF-7957EE6E9D5C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24053" y="504887"/>
            <a:ext cx="1340593" cy="399600"/>
          </a:xfrm>
          <a:prstGeom prst="rect">
            <a:avLst/>
          </a:prstGeom>
        </p:spPr>
      </p:pic>
      <p:sp>
        <p:nvSpPr>
          <p:cNvPr id="5" name="Titel 7">
            <a:extLst>
              <a:ext uri="{FF2B5EF4-FFF2-40B4-BE49-F238E27FC236}">
                <a16:creationId xmlns:a16="http://schemas.microsoft.com/office/drawing/2014/main" id="{8F644D73-7651-0042-F5A2-04B34BB3C1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709" y="1458000"/>
            <a:ext cx="6774492" cy="1649066"/>
          </a:xfrm>
        </p:spPr>
        <p:txBody>
          <a:bodyPr wrap="square" anchor="t">
            <a:noAutofit/>
          </a:bodyPr>
          <a:lstStyle>
            <a:lvl1pPr>
              <a:lnSpc>
                <a:spcPts val="6300"/>
              </a:lnSpc>
              <a:defRPr sz="5200" b="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11516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2.sv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>
            <a:extLst>
              <a:ext uri="{FF2B5EF4-FFF2-40B4-BE49-F238E27FC236}">
                <a16:creationId xmlns:a16="http://schemas.microsoft.com/office/drawing/2014/main" id="{80B05B6E-1E61-E07E-EAE7-7DF1476743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2590"/>
            <a:ext cx="8638780" cy="1271866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da-DK" dirty="0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DD67EA54-E4EE-5EE7-84F3-18D1A75614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42927" y="2208391"/>
            <a:ext cx="10402796" cy="435133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da-DK" noProof="0" dirty="0"/>
              <a:t>Klik for at redigere teksttypografierne i masteren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F1A3706-51D8-44DA-5C34-E5BD8DB543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765150" y="6332219"/>
            <a:ext cx="4546750" cy="365125"/>
          </a:xfrm>
          <a:prstGeom prst="rect">
            <a:avLst/>
          </a:prstGeom>
        </p:spPr>
        <p:txBody>
          <a:bodyPr vert="horz" lIns="0" tIns="45720" rIns="91440" bIns="45720" rtlCol="0" anchor="ctr"/>
          <a:lstStyle>
            <a:lvl1pPr algn="l">
              <a:defRPr lang="da-DK" sz="1000" dirty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Titel på præsentation</a:t>
            </a:r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FBE22DF7-A8B5-5B1A-AD6B-1E20674E949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5546" y="6332220"/>
            <a:ext cx="40386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pPr algn="l"/>
            <a:fld id="{15B68EBF-68D0-4C65-A5A0-9AF2BF6CD718}" type="slidenum">
              <a:rPr lang="da-DK" smtClean="0"/>
              <a:pPr algn="l"/>
              <a:t>‹nr.›</a:t>
            </a:fld>
            <a:endParaRPr lang="da-DK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ACCC824F-0EF0-9569-A56E-E5F7E3054125}"/>
              </a:ext>
            </a:extLst>
          </p:cNvPr>
          <p:cNvPicPr>
            <a:picLocks noChangeAspect="1"/>
          </p:cNvPicPr>
          <p:nvPr userDrawn="1"/>
        </p:nvPicPr>
        <p:blipFill>
          <a:blip r:embed="rId40">
            <a:extLst>
              <a:ext uri="{96DAC541-7B7A-43D3-8B79-37D633B846F1}">
                <asvg:svgBlip xmlns:asvg="http://schemas.microsoft.com/office/drawing/2016/SVG/main" r:embed="rId41"/>
              </a:ext>
            </a:extLst>
          </a:blip>
          <a:stretch>
            <a:fillRect/>
          </a:stretch>
        </p:blipFill>
        <p:spPr>
          <a:xfrm>
            <a:off x="634358" y="6430038"/>
            <a:ext cx="137089" cy="134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1266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2" r:id="rId1"/>
    <p:sldLayoutId id="2147483656" r:id="rId2"/>
    <p:sldLayoutId id="2147483657" r:id="rId3"/>
    <p:sldLayoutId id="2147483658" r:id="rId4"/>
    <p:sldLayoutId id="2147483659" r:id="rId5"/>
    <p:sldLayoutId id="2147483660" r:id="rId6"/>
    <p:sldLayoutId id="2147483661" r:id="rId7"/>
    <p:sldLayoutId id="2147483662" r:id="rId8"/>
    <p:sldLayoutId id="2147483663" r:id="rId9"/>
    <p:sldLayoutId id="2147483664" r:id="rId10"/>
    <p:sldLayoutId id="2147483655" r:id="rId11"/>
    <p:sldLayoutId id="2147483665" r:id="rId12"/>
    <p:sldLayoutId id="2147483666" r:id="rId13"/>
    <p:sldLayoutId id="2147483667" r:id="rId14"/>
    <p:sldLayoutId id="2147483668" r:id="rId15"/>
    <p:sldLayoutId id="2147483669" r:id="rId16"/>
    <p:sldLayoutId id="2147483670" r:id="rId17"/>
    <p:sldLayoutId id="2147483671" r:id="rId18"/>
    <p:sldLayoutId id="2147483672" r:id="rId19"/>
    <p:sldLayoutId id="2147483673" r:id="rId20"/>
    <p:sldLayoutId id="2147483674" r:id="rId21"/>
    <p:sldLayoutId id="2147483675" r:id="rId22"/>
    <p:sldLayoutId id="2147483676" r:id="rId23"/>
    <p:sldLayoutId id="2147483677" r:id="rId24"/>
    <p:sldLayoutId id="2147483688" r:id="rId25"/>
    <p:sldLayoutId id="2147483689" r:id="rId26"/>
    <p:sldLayoutId id="2147483690" r:id="rId27"/>
    <p:sldLayoutId id="2147483691" r:id="rId28"/>
    <p:sldLayoutId id="2147483678" r:id="rId29"/>
    <p:sldLayoutId id="2147483679" r:id="rId30"/>
    <p:sldLayoutId id="2147483680" r:id="rId31"/>
    <p:sldLayoutId id="2147483684" r:id="rId32"/>
    <p:sldLayoutId id="2147483685" r:id="rId33"/>
    <p:sldLayoutId id="2147483686" r:id="rId34"/>
    <p:sldLayoutId id="2147483687" r:id="rId35"/>
    <p:sldLayoutId id="2147483683" r:id="rId36"/>
    <p:sldLayoutId id="2147483682" r:id="rId37"/>
    <p:sldLayoutId id="2147483681" r:id="rId38"/>
  </p:sldLayoutIdLst>
  <p:hf hdr="0"/>
  <p:txStyles>
    <p:titleStyle>
      <a:lvl1pPr algn="l" defTabSz="914400" rtl="0" eaLnBrk="1" latinLnBrk="0" hangingPunct="1">
        <a:lnSpc>
          <a:spcPts val="4020"/>
        </a:lnSpc>
        <a:spcBef>
          <a:spcPct val="0"/>
        </a:spcBef>
        <a:buNone/>
        <a:defRPr sz="3350" b="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20650" indent="-12065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12240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15840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15840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15840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jp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youtube.com/watch?v=g7SW_yVYYqg" TargetMode="Externa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11.xml"/><Relationship Id="rId5" Type="http://schemas.openxmlformats.org/officeDocument/2006/relationships/image" Target="../media/image37.svg"/><Relationship Id="rId4" Type="http://schemas.openxmlformats.org/officeDocument/2006/relationships/image" Target="../media/image36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jpg"/><Relationship Id="rId2" Type="http://schemas.openxmlformats.org/officeDocument/2006/relationships/slideLayout" Target="../slideLayouts/slideLayout21.xml"/><Relationship Id="rId1" Type="http://schemas.openxmlformats.org/officeDocument/2006/relationships/tags" Target="../tags/tag12.xml"/><Relationship Id="rId4" Type="http://schemas.openxmlformats.org/officeDocument/2006/relationships/image" Target="../media/image49.jp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3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7" Type="http://schemas.openxmlformats.org/officeDocument/2006/relationships/image" Target="../media/image37.svg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2.xml"/><Relationship Id="rId6" Type="http://schemas.openxmlformats.org/officeDocument/2006/relationships/image" Target="../media/image36.png"/><Relationship Id="rId5" Type="http://schemas.openxmlformats.org/officeDocument/2006/relationships/hyperlink" Target="https://www.youtube.com/watch?v=g7SW_yVYYqg" TargetMode="External"/><Relationship Id="rId4" Type="http://schemas.openxmlformats.org/officeDocument/2006/relationships/image" Target="../media/image26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7" Type="http://schemas.openxmlformats.org/officeDocument/2006/relationships/image" Target="../media/image37.svg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3.xml"/><Relationship Id="rId6" Type="http://schemas.openxmlformats.org/officeDocument/2006/relationships/image" Target="../media/image36.png"/><Relationship Id="rId5" Type="http://schemas.openxmlformats.org/officeDocument/2006/relationships/hyperlink" Target="https://www.youtube.com/shorts/SsJ9hoemcgw" TargetMode="External"/><Relationship Id="rId4" Type="http://schemas.openxmlformats.org/officeDocument/2006/relationships/image" Target="../media/image26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6.xml"/><Relationship Id="rId4" Type="http://schemas.openxmlformats.org/officeDocument/2006/relationships/image" Target="../media/image4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jpg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7.xml"/><Relationship Id="rId4" Type="http://schemas.openxmlformats.org/officeDocument/2006/relationships/image" Target="../media/image4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jp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55B856-6742-3A75-E303-8FB0C49EF4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rug fyrværkeriet sikkert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83C3AF8E-EABE-7A1D-A8B1-7F639FD1A3E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 err="1"/>
              <a:t>Fyrværkerisikkerhed</a:t>
            </a:r>
            <a:r>
              <a:rPr lang="en-US" dirty="0"/>
              <a:t> for 4.-6. </a:t>
            </a:r>
            <a:r>
              <a:rPr lang="en-US" dirty="0" err="1"/>
              <a:t>klasse</a:t>
            </a:r>
            <a:r>
              <a:rPr lang="en-US" dirty="0"/>
              <a:t> - 202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306765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42287B8E-844E-F8B2-247C-D8BCB05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err="1"/>
              <a:t>Fyrværkerisikkerhed</a:t>
            </a:r>
            <a:r>
              <a:rPr lang="en-US" dirty="0"/>
              <a:t> for 4.-6. </a:t>
            </a:r>
            <a:r>
              <a:rPr lang="en-US" dirty="0" err="1"/>
              <a:t>klasse</a:t>
            </a:r>
            <a:r>
              <a:rPr lang="en-US" dirty="0"/>
              <a:t> - 2025</a:t>
            </a:r>
          </a:p>
        </p:txBody>
      </p:sp>
      <p:sp>
        <p:nvSpPr>
          <p:cNvPr id="11" name="Pladsholder til slidenummer 10">
            <a:extLst>
              <a:ext uri="{FF2B5EF4-FFF2-40B4-BE49-F238E27FC236}">
                <a16:creationId xmlns:a16="http://schemas.microsoft.com/office/drawing/2014/main" id="{F19FB792-A6C0-8307-126C-F019BAE079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pPr/>
              <a:t>10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B2B37B7C-8E2B-BD96-B755-3D803BA2ED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5" y="331200"/>
            <a:ext cx="11007837" cy="651660"/>
          </a:xfrm>
        </p:spPr>
        <p:txBody>
          <a:bodyPr/>
          <a:lstStyle/>
          <a:p>
            <a:r>
              <a:rPr lang="da-DK" sz="3600" b="1" dirty="0"/>
              <a:t>Hvad betyder det, at man ikke må gå hen til en fuser?</a:t>
            </a:r>
            <a:br>
              <a:rPr lang="da-DK" sz="3600" b="1" dirty="0"/>
            </a:br>
            <a:endParaRPr lang="da-DK" sz="3600" b="1" dirty="0"/>
          </a:p>
        </p:txBody>
      </p:sp>
      <p:sp>
        <p:nvSpPr>
          <p:cNvPr id="3" name="Pladsholder til tekst 2" descr="Fyrværkeri, der ligger på jorden">
            <a:extLst>
              <a:ext uri="{FF2B5EF4-FFF2-40B4-BE49-F238E27FC236}">
                <a16:creationId xmlns:a16="http://schemas.microsoft.com/office/drawing/2014/main" id="{31744AA1-075C-CF2F-5199-84FCE76418A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1767841"/>
            <a:ext cx="3457573" cy="2849880"/>
          </a:xfrm>
        </p:spPr>
        <p:txBody>
          <a:bodyPr/>
          <a:lstStyle/>
          <a:p>
            <a:r>
              <a:rPr lang="da-DK" sz="2000" dirty="0"/>
              <a:t>En fuser er fyrværkeri, der ligger på jorden og ikke er blevet skudt rigtigt af.</a:t>
            </a:r>
          </a:p>
          <a:p>
            <a:r>
              <a:rPr lang="da-DK" sz="2000" dirty="0"/>
              <a:t>Der kan stadig være krudt og gløder i fyrværkeriet, og hvis man tager det op, kan det eksplodere.</a:t>
            </a:r>
          </a:p>
          <a:p>
            <a:endParaRPr lang="da-DK" sz="2000" dirty="0"/>
          </a:p>
          <a:p>
            <a:r>
              <a:rPr lang="da-DK" sz="2000" dirty="0"/>
              <a:t>Man må ikke prøve at tænde en fuser igen, for man ved ikke, om den pludselig kan eksplodere.</a:t>
            </a:r>
          </a:p>
          <a:p>
            <a:endParaRPr lang="da-DK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E87010A4-BA66-753C-1E38-5BA14C06EBAE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en-US" dirty="0"/>
              <a:t>Side</a:t>
            </a:r>
          </a:p>
        </p:txBody>
      </p:sp>
      <p:pic>
        <p:nvPicPr>
          <p:cNvPr id="13" name="Pladsholder til billede 12" descr="Fyrværkeri, der ligger på jorden.">
            <a:extLst>
              <a:ext uri="{FF2B5EF4-FFF2-40B4-BE49-F238E27FC236}">
                <a16:creationId xmlns:a16="http://schemas.microsoft.com/office/drawing/2014/main" id="{0D561B87-9105-482D-995E-813B9AF04E24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446" r="11446"/>
          <a:stretch>
            <a:fillRect/>
          </a:stretch>
        </p:blipFill>
        <p:spPr/>
      </p:pic>
    </p:spTree>
    <p:custDataLst>
      <p:tags r:id="rId1"/>
    </p:custDataLst>
    <p:extLst>
      <p:ext uri="{BB962C8B-B14F-4D97-AF65-F5344CB8AC3E}">
        <p14:creationId xmlns:p14="http://schemas.microsoft.com/office/powerpoint/2010/main" val="32903076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fod 1">
            <a:extLst>
              <a:ext uri="{FF2B5EF4-FFF2-40B4-BE49-F238E27FC236}">
                <a16:creationId xmlns:a16="http://schemas.microsoft.com/office/drawing/2014/main" id="{5FF7FE30-E1BC-2432-EF68-A490A290E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err="1"/>
              <a:t>Fyrværkerisikkerhed</a:t>
            </a:r>
            <a:r>
              <a:rPr lang="en-US" dirty="0"/>
              <a:t> for 4.-6. </a:t>
            </a:r>
            <a:r>
              <a:rPr lang="en-US" dirty="0" err="1"/>
              <a:t>klasse</a:t>
            </a:r>
            <a:r>
              <a:rPr lang="en-US" dirty="0"/>
              <a:t> - 2025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79D0E24-EBEF-9093-11C3-F05EA2F0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11</a:t>
            </a:fld>
            <a:endParaRPr lang="da-DK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D770C6F5-CBEA-773C-7AA7-8489C83C6B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11238256" cy="651660"/>
          </a:xfrm>
        </p:spPr>
        <p:txBody>
          <a:bodyPr/>
          <a:lstStyle/>
          <a:p>
            <a:r>
              <a:rPr lang="da-DK" dirty="0"/>
              <a:t>Hør fyrværkerisangen igen – hvad er budskabet i teksten?</a:t>
            </a:r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64081FB1-255B-27AE-5B97-9EEE411D658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75364" y="1528175"/>
            <a:ext cx="11786991" cy="5167643"/>
          </a:xfrm>
        </p:spPr>
        <p:txBody>
          <a:bodyPr/>
          <a:lstStyle/>
          <a:p>
            <a:pPr marL="0" indent="0">
              <a:buNone/>
            </a:pPr>
            <a:r>
              <a:rPr lang="da-DK" sz="2000" dirty="0"/>
              <a:t>Lyt til sangen igen:</a:t>
            </a:r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r>
              <a:rPr lang="da-DK" sz="2000" dirty="0"/>
              <a:t>Hvad bliver der sagt om sikkerhed og fyrværkeri?</a:t>
            </a:r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r>
              <a:rPr lang="da-DK" sz="2000" dirty="0"/>
              <a:t>Hvem har ansvaret for, at børn ikke kommer til skade?</a:t>
            </a:r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r>
              <a:rPr lang="da-DK" sz="2000" dirty="0"/>
              <a:t>Hvilken rolle har mor og far?</a:t>
            </a:r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BCC01F56-4A24-CC17-BEC5-6AE47CACB625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dirty="0"/>
              <a:t>Side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37E74B2C-C6FC-4A05-B9E6-51B7930CC319}"/>
              </a:ext>
            </a:extLst>
          </p:cNvPr>
          <p:cNvSpPr txBox="1"/>
          <p:nvPr/>
        </p:nvSpPr>
        <p:spPr>
          <a:xfrm>
            <a:off x="4511966" y="1363419"/>
            <a:ext cx="3248077" cy="56477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da-DK" sz="1400" dirty="0"/>
          </a:p>
          <a:p>
            <a:r>
              <a:rPr lang="da-DK" sz="1400" dirty="0"/>
              <a:t>Boom-boom, raketten siger bang</a:t>
            </a:r>
          </a:p>
          <a:p>
            <a:r>
              <a:rPr lang="da-DK" sz="1400" dirty="0"/>
              <a:t>Vi tænder for himlen, gaden er i gang</a:t>
            </a:r>
          </a:p>
          <a:p>
            <a:r>
              <a:rPr lang="da-DK" sz="1400" dirty="0"/>
              <a:t>Mor og far, I’ klar med champagnen</a:t>
            </a:r>
          </a:p>
          <a:p>
            <a:r>
              <a:rPr lang="da-DK" sz="1400" dirty="0"/>
              <a:t>Et glas eller to gør I mister forstanden</a:t>
            </a:r>
          </a:p>
          <a:p>
            <a:r>
              <a:rPr lang="da-DK" sz="1400" dirty="0"/>
              <a:t>Er du helt væk?</a:t>
            </a:r>
          </a:p>
          <a:p>
            <a:r>
              <a:rPr lang="da-DK" sz="1400" dirty="0"/>
              <a:t>Kom nu lidt!</a:t>
            </a:r>
            <a:br>
              <a:rPr lang="da-DK" sz="1400" dirty="0"/>
            </a:br>
            <a:endParaRPr lang="da-DK" sz="1400" dirty="0"/>
          </a:p>
          <a:p>
            <a:r>
              <a:rPr lang="da-DK" sz="1400" dirty="0"/>
              <a:t>Boom-boom der er gang i festen</a:t>
            </a:r>
          </a:p>
          <a:p>
            <a:r>
              <a:rPr lang="da-DK" sz="1400" dirty="0"/>
              <a:t>Men der’ altid dem, der dumper testen</a:t>
            </a:r>
          </a:p>
          <a:p>
            <a:r>
              <a:rPr lang="da-DK" sz="1400" dirty="0"/>
              <a:t>Når de finder lighteren frem fra tasken</a:t>
            </a:r>
          </a:p>
          <a:p>
            <a:r>
              <a:rPr lang="da-DK" sz="1400" dirty="0"/>
              <a:t>Og stopper raketten ned i flasken</a:t>
            </a:r>
          </a:p>
          <a:p>
            <a:r>
              <a:rPr lang="da-DK" sz="1400" dirty="0"/>
              <a:t>HAV du husket brillen, brillen, brillen?</a:t>
            </a:r>
          </a:p>
          <a:p>
            <a:r>
              <a:rPr lang="da-DK" sz="1400" dirty="0"/>
              <a:t>Kom nu lidt!</a:t>
            </a:r>
            <a:br>
              <a:rPr lang="da-DK" sz="1400" dirty="0"/>
            </a:br>
            <a:endParaRPr lang="da-DK" sz="1400" dirty="0"/>
          </a:p>
          <a:p>
            <a:r>
              <a:rPr lang="da-DK" sz="1400" dirty="0"/>
              <a:t>Du vil gerne kunne se</a:t>
            </a:r>
          </a:p>
          <a:p>
            <a:r>
              <a:rPr lang="da-DK" sz="1400" dirty="0"/>
              <a:t>Men siger briller hvorfor det</a:t>
            </a:r>
          </a:p>
          <a:p>
            <a:r>
              <a:rPr lang="da-DK" sz="1400" dirty="0"/>
              <a:t>Du vil gerne kunne være</a:t>
            </a:r>
          </a:p>
          <a:p>
            <a:r>
              <a:rPr lang="da-DK" sz="1400" dirty="0"/>
              <a:t>Lidt cool, så tag og lær’</a:t>
            </a:r>
          </a:p>
          <a:p>
            <a:r>
              <a:rPr lang="da-DK" sz="1400" dirty="0"/>
              <a:t>Et enkelt bang er alt hvad der skal til</a:t>
            </a:r>
          </a:p>
          <a:p>
            <a:r>
              <a:rPr lang="da-DK" sz="1400" dirty="0"/>
              <a:t>Du tror, det </a:t>
            </a:r>
            <a:r>
              <a:rPr lang="da-DK" sz="1400" dirty="0" err="1"/>
              <a:t>ik</a:t>
            </a:r>
            <a:r>
              <a:rPr lang="da-DK" sz="1400" dirty="0"/>
              <a:t>’ går slemt</a:t>
            </a:r>
          </a:p>
          <a:p>
            <a:r>
              <a:rPr lang="da-DK" sz="1400" dirty="0"/>
              <a:t>Det kan du ikke være bekendt</a:t>
            </a:r>
          </a:p>
          <a:p>
            <a:r>
              <a:rPr lang="da-DK" sz="1400" dirty="0"/>
              <a:t>Det kan du ikke være bekendt</a:t>
            </a:r>
          </a:p>
          <a:p>
            <a:endParaRPr lang="da-DK" sz="1050" dirty="0"/>
          </a:p>
          <a:p>
            <a:endParaRPr lang="da-DK" sz="1050" dirty="0"/>
          </a:p>
          <a:p>
            <a:endParaRPr lang="da-DK" dirty="0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B9DDA26C-0F08-424A-B2FF-4A15FFE1497C}"/>
              </a:ext>
            </a:extLst>
          </p:cNvPr>
          <p:cNvSpPr txBox="1"/>
          <p:nvPr/>
        </p:nvSpPr>
        <p:spPr>
          <a:xfrm>
            <a:off x="7760043" y="1363419"/>
            <a:ext cx="3966872" cy="57015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da-DK" sz="1400" dirty="0"/>
          </a:p>
          <a:p>
            <a:r>
              <a:rPr lang="da-DK" sz="1400" dirty="0"/>
              <a:t>Hey venner, der er noget I har glemt</a:t>
            </a:r>
          </a:p>
          <a:p>
            <a:r>
              <a:rPr lang="da-DK" sz="1400" dirty="0"/>
              <a:t>I siger “Slap nu af, bare stil jer og vent”</a:t>
            </a:r>
          </a:p>
          <a:p>
            <a:r>
              <a:rPr lang="da-DK" sz="1400" dirty="0"/>
              <a:t>Men dem der ser på, rammer også statistikken</a:t>
            </a:r>
          </a:p>
          <a:p>
            <a:r>
              <a:rPr lang="da-DK" sz="1400" dirty="0"/>
              <a:t>De </a:t>
            </a:r>
            <a:r>
              <a:rPr lang="da-DK" sz="1400" dirty="0" err="1"/>
              <a:t>bli’r</a:t>
            </a:r>
            <a:r>
              <a:rPr lang="da-DK" sz="1400" dirty="0"/>
              <a:t> ramt både i øjne, og maven og *</a:t>
            </a:r>
            <a:r>
              <a:rPr lang="da-DK" sz="1400" dirty="0" err="1"/>
              <a:t>beeeep</a:t>
            </a:r>
            <a:r>
              <a:rPr lang="da-DK" sz="1400" dirty="0"/>
              <a:t>*</a:t>
            </a:r>
          </a:p>
          <a:p>
            <a:r>
              <a:rPr lang="da-DK" sz="1400" dirty="0"/>
              <a:t>Er du helt væk?</a:t>
            </a:r>
          </a:p>
          <a:p>
            <a:r>
              <a:rPr lang="da-DK" sz="1400" dirty="0"/>
              <a:t>Kom nu lidt!</a:t>
            </a:r>
          </a:p>
          <a:p>
            <a:r>
              <a:rPr lang="da-DK" sz="1400" dirty="0"/>
              <a:t> </a:t>
            </a:r>
          </a:p>
          <a:p>
            <a:r>
              <a:rPr lang="da-DK" sz="1400" dirty="0"/>
              <a:t>Boom-boom, I ku’ droppe det shit</a:t>
            </a:r>
          </a:p>
          <a:p>
            <a:r>
              <a:rPr lang="da-DK" sz="1400" dirty="0"/>
              <a:t>Og ikke bruge boksen på en </a:t>
            </a:r>
            <a:r>
              <a:rPr lang="da-DK" sz="1400" dirty="0" err="1"/>
              <a:t>wack</a:t>
            </a:r>
            <a:r>
              <a:rPr lang="da-DK" sz="1400" dirty="0"/>
              <a:t> raket</a:t>
            </a:r>
          </a:p>
          <a:p>
            <a:r>
              <a:rPr lang="da-DK" sz="1400" dirty="0"/>
              <a:t>Nytår er vildt, man ku spille det smart</a:t>
            </a:r>
          </a:p>
          <a:p>
            <a:r>
              <a:rPr lang="da-DK" sz="1400" dirty="0"/>
              <a:t>Sæt brillen på tuden ligesom Benjamin Hav</a:t>
            </a:r>
          </a:p>
          <a:p>
            <a:r>
              <a:rPr lang="da-DK" sz="1400" dirty="0"/>
              <a:t>HAV du husket brillen, brillen, brillen?</a:t>
            </a:r>
          </a:p>
          <a:p>
            <a:r>
              <a:rPr lang="da-DK" sz="1400" dirty="0"/>
              <a:t>Kom nu lidt!</a:t>
            </a:r>
          </a:p>
          <a:p>
            <a:br>
              <a:rPr lang="da-DK" sz="1400" dirty="0"/>
            </a:br>
            <a:r>
              <a:rPr lang="da-DK" sz="1400" dirty="0"/>
              <a:t>Du vil gerne kunne se</a:t>
            </a:r>
          </a:p>
          <a:p>
            <a:r>
              <a:rPr lang="da-DK" sz="1400" dirty="0"/>
              <a:t>Men siger briller hvorfor det</a:t>
            </a:r>
          </a:p>
          <a:p>
            <a:r>
              <a:rPr lang="da-DK" sz="1400" dirty="0"/>
              <a:t>Du vil gerne kunne være</a:t>
            </a:r>
          </a:p>
          <a:p>
            <a:r>
              <a:rPr lang="da-DK" sz="1400" dirty="0"/>
              <a:t>Lidt cool, så tag og lær’</a:t>
            </a:r>
          </a:p>
          <a:p>
            <a:r>
              <a:rPr lang="da-DK" sz="1400" dirty="0"/>
              <a:t>Et enkelt bang er alt hvad der skal til</a:t>
            </a:r>
          </a:p>
          <a:p>
            <a:r>
              <a:rPr lang="da-DK" sz="1400" dirty="0"/>
              <a:t>Du tror, det </a:t>
            </a:r>
            <a:r>
              <a:rPr lang="da-DK" sz="1400" dirty="0" err="1"/>
              <a:t>ik</a:t>
            </a:r>
            <a:r>
              <a:rPr lang="da-DK" sz="1400" dirty="0"/>
              <a:t>’ går slemt</a:t>
            </a:r>
          </a:p>
          <a:p>
            <a:r>
              <a:rPr lang="da-DK" sz="1400" dirty="0"/>
              <a:t>Det kan du ikke være bekendt</a:t>
            </a:r>
          </a:p>
          <a:p>
            <a:r>
              <a:rPr lang="da-DK" sz="1400" dirty="0"/>
              <a:t>Det kan du ikke være bekendt</a:t>
            </a:r>
          </a:p>
          <a:p>
            <a:endParaRPr lang="da-DK" sz="1400" dirty="0"/>
          </a:p>
          <a:p>
            <a:endParaRPr lang="da-DK" sz="1050" dirty="0"/>
          </a:p>
          <a:p>
            <a:endParaRPr lang="da-DK" dirty="0"/>
          </a:p>
        </p:txBody>
      </p:sp>
      <p:pic>
        <p:nvPicPr>
          <p:cNvPr id="10" name="Grafik 9" descr="Afspil symbol">
            <a:hlinkClick r:id="rId3"/>
            <a:extLst>
              <a:ext uri="{FF2B5EF4-FFF2-40B4-BE49-F238E27FC236}">
                <a16:creationId xmlns:a16="http://schemas.microsoft.com/office/drawing/2014/main" id="{ACC59F81-DA8A-40C6-A7E8-DB93CF47582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54948" y="2009271"/>
            <a:ext cx="3020404" cy="13302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9854996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sidefod 10">
            <a:extLst>
              <a:ext uri="{FF2B5EF4-FFF2-40B4-BE49-F238E27FC236}">
                <a16:creationId xmlns:a16="http://schemas.microsoft.com/office/drawing/2014/main" id="{7C7CFF18-24BC-3EA5-44FF-DF238A669B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err="1"/>
              <a:t>Fyrværkerisikkerhed</a:t>
            </a:r>
            <a:r>
              <a:rPr lang="en-US" dirty="0"/>
              <a:t> for 4.-6. </a:t>
            </a:r>
            <a:r>
              <a:rPr lang="en-US" dirty="0" err="1"/>
              <a:t>klasse</a:t>
            </a:r>
            <a:r>
              <a:rPr lang="en-US" dirty="0"/>
              <a:t> - 2025</a:t>
            </a:r>
          </a:p>
        </p:txBody>
      </p:sp>
      <p:sp>
        <p:nvSpPr>
          <p:cNvPr id="12" name="Pladsholder til slidenummer 11">
            <a:extLst>
              <a:ext uri="{FF2B5EF4-FFF2-40B4-BE49-F238E27FC236}">
                <a16:creationId xmlns:a16="http://schemas.microsoft.com/office/drawing/2014/main" id="{2B7CE6CC-C861-9968-6991-34C1BAE3F6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12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9FA78F2F-999B-FCD1-25FD-54F9275979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l I være med i en konkurrence?</a:t>
            </a:r>
          </a:p>
        </p:txBody>
      </p:sp>
      <p:pic>
        <p:nvPicPr>
          <p:cNvPr id="4" name="Pladsholder til billede 3" descr="Billede af en biograf ">
            <a:extLst>
              <a:ext uri="{FF2B5EF4-FFF2-40B4-BE49-F238E27FC236}">
                <a16:creationId xmlns:a16="http://schemas.microsoft.com/office/drawing/2014/main" id="{1D7F8154-FCC2-4911-B36C-4CEAE182854D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646" r="27646"/>
          <a:stretch>
            <a:fillRect/>
          </a:stretch>
        </p:blipFill>
        <p:spPr>
          <a:blipFill dpi="0" rotWithShape="1">
            <a:blip r:embed="rId4"/>
            <a:srcRect/>
            <a:tile tx="-1619250" ty="812800" sx="100000" sy="100000" flip="none" algn="b"/>
          </a:blipFill>
        </p:spPr>
      </p:pic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AEA8B32B-BC0F-AF0F-BBE4-F07444B0C10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sz="2000" dirty="0"/>
              <a:t>Lav en sang, en dans eller et skuespil, hvor I bruger fyrværkerisangen. </a:t>
            </a:r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r>
              <a:rPr lang="da-DK" sz="2000" dirty="0"/>
              <a:t>Optag en kort video og send den til Sikkerhedsstyrelsen sammen med adressen på jeres klasse. </a:t>
            </a:r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r>
              <a:rPr lang="da-DK" sz="2000" dirty="0"/>
              <a:t>Fortæl også, hvor mange elever I er og hvor jeres nærmeste biograf er.</a:t>
            </a:r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r>
              <a:rPr lang="da-DK" sz="2000" dirty="0"/>
              <a:t>Så er I med i en lodtrækning om biografbilletter til hele klassen. </a:t>
            </a:r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96518397-D923-F355-CC67-027B2754AC7D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 dirty="0"/>
              <a:t>Sid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6262437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E0779A-8735-445A-B4F3-AE98A114C3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708" y="1401384"/>
            <a:ext cx="11123208" cy="3542756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da-DK" dirty="0"/>
              <a:t>Godt nytår </a:t>
            </a:r>
            <a:br>
              <a:rPr lang="da-DK" dirty="0"/>
            </a:br>
            <a:r>
              <a:rPr lang="da-DK" sz="4400" dirty="0"/>
              <a:t>- og husk nu </a:t>
            </a:r>
            <a:br>
              <a:rPr lang="da-DK" sz="4400"/>
            </a:br>
            <a:r>
              <a:rPr lang="da-DK" sz="4400"/>
              <a:t>sikkerhedsbrillerne</a:t>
            </a:r>
            <a:r>
              <a:rPr lang="da-DK" sz="4400" dirty="0"/>
              <a:t>!</a:t>
            </a:r>
          </a:p>
        </p:txBody>
      </p:sp>
      <p:pic>
        <p:nvPicPr>
          <p:cNvPr id="5" name="Billede 4" descr="Billede af sikkerhedsbriller">
            <a:extLst>
              <a:ext uri="{FF2B5EF4-FFF2-40B4-BE49-F238E27FC236}">
                <a16:creationId xmlns:a16="http://schemas.microsoft.com/office/drawing/2014/main" id="{961E6DED-BFF9-4B0B-87E2-AB1F08866B2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40206" y="3697808"/>
            <a:ext cx="3368603" cy="18953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934613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8D918DCE-2AA5-BF96-DDEB-6E08058164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err="1"/>
              <a:t>Fyrværkerisikkerhed</a:t>
            </a:r>
            <a:r>
              <a:rPr lang="en-US" dirty="0"/>
              <a:t> for 4.-6. </a:t>
            </a:r>
            <a:r>
              <a:rPr lang="en-US" dirty="0" err="1"/>
              <a:t>klasse</a:t>
            </a:r>
            <a:r>
              <a:rPr lang="en-US" dirty="0"/>
              <a:t> - 2025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057797AB-0437-4FDA-3C26-63051D5FB4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2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E801FF1-FBF3-9E22-B3D9-2DD85B1931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6" y="331200"/>
            <a:ext cx="10417841" cy="651660"/>
          </a:xfrm>
        </p:spPr>
        <p:txBody>
          <a:bodyPr/>
          <a:lstStyle/>
          <a:p>
            <a:r>
              <a:rPr lang="da-DK" dirty="0"/>
              <a:t>Fyrværkeri kan være farligt</a:t>
            </a:r>
          </a:p>
        </p:txBody>
      </p:sp>
      <p:pic>
        <p:nvPicPr>
          <p:cNvPr id="8" name="Pladsholder til billede 7" descr="Billede af børn med sikkerhedsbriller">
            <a:extLst>
              <a:ext uri="{FF2B5EF4-FFF2-40B4-BE49-F238E27FC236}">
                <a16:creationId xmlns:a16="http://schemas.microsoft.com/office/drawing/2014/main" id="{52F61D3D-987A-4673-90DB-06E0BDF0635B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30" b="9230"/>
          <a:stretch>
            <a:fillRect/>
          </a:stretch>
        </p:blipFill>
        <p:spPr>
          <a:blipFill dpi="0" rotWithShape="1">
            <a:blip r:embed="rId4"/>
            <a:srcRect/>
            <a:stretch>
              <a:fillRect/>
            </a:stretch>
          </a:blipFill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6148979E-E487-D747-D7AE-87681D3A552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2127599"/>
            <a:ext cx="6784973" cy="4008157"/>
          </a:xfrm>
        </p:spPr>
        <p:txBody>
          <a:bodyPr/>
          <a:lstStyle/>
          <a:p>
            <a:r>
              <a:rPr lang="da-DK" sz="2000" dirty="0"/>
              <a:t>Pas på, når I bruger fyrværkeri. </a:t>
            </a:r>
          </a:p>
          <a:p>
            <a:endParaRPr lang="da-DK" sz="2000" dirty="0"/>
          </a:p>
          <a:p>
            <a:r>
              <a:rPr lang="da-DK" sz="2000" dirty="0"/>
              <a:t>Lyt til en sang om nytår og sikkerhed.</a:t>
            </a:r>
          </a:p>
          <a:p>
            <a:endParaRPr lang="da-DK" dirty="0"/>
          </a:p>
          <a:p>
            <a:endParaRPr lang="da-DK" sz="2000" dirty="0"/>
          </a:p>
          <a:p>
            <a:r>
              <a:rPr lang="da-DK" sz="2000" dirty="0"/>
              <a:t>Se videoen:</a:t>
            </a:r>
          </a:p>
          <a:p>
            <a:endParaRPr lang="da-DK" dirty="0"/>
          </a:p>
          <a:p>
            <a:endParaRPr lang="da-DK" sz="2000" dirty="0"/>
          </a:p>
          <a:p>
            <a:endParaRPr lang="da-DK" sz="2000" dirty="0"/>
          </a:p>
          <a:p>
            <a:r>
              <a:rPr lang="da-DK" sz="2000" dirty="0"/>
              <a:t>Hvad handler sangen om?</a:t>
            </a:r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id="{C10D70ED-41DD-6D94-B94E-FD3F0069D9C5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dirty="0"/>
              <a:t>Side</a:t>
            </a:r>
          </a:p>
        </p:txBody>
      </p:sp>
      <p:pic>
        <p:nvPicPr>
          <p:cNvPr id="9" name="Grafik 8" descr="Afspil symbol">
            <a:hlinkClick r:id="rId5"/>
            <a:extLst>
              <a:ext uri="{FF2B5EF4-FFF2-40B4-BE49-F238E27FC236}">
                <a16:creationId xmlns:a16="http://schemas.microsoft.com/office/drawing/2014/main" id="{D6BA9A4E-F6F4-482A-AB06-A229AC6F522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095923" y="3680335"/>
            <a:ext cx="3020404" cy="13302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6310085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8D918DCE-2AA5-BF96-DDEB-6E08058164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Fyrværkerisikkerhed for 0.-3. klasse - 2025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057797AB-0437-4FDA-3C26-63051D5FB4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3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E801FF1-FBF3-9E22-B3D9-2DD85B1931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6" y="331200"/>
            <a:ext cx="10417841" cy="651660"/>
          </a:xfrm>
        </p:spPr>
        <p:txBody>
          <a:bodyPr/>
          <a:lstStyle/>
          <a:p>
            <a:r>
              <a:rPr lang="da-DK" dirty="0"/>
              <a:t>Hør hvad Benjamin Hav får at vide om fyrværkeri</a:t>
            </a:r>
          </a:p>
        </p:txBody>
      </p:sp>
      <p:pic>
        <p:nvPicPr>
          <p:cNvPr id="8" name="Pladsholder til billede 7" descr="Billede af Benjamin Hav">
            <a:extLst>
              <a:ext uri="{FF2B5EF4-FFF2-40B4-BE49-F238E27FC236}">
                <a16:creationId xmlns:a16="http://schemas.microsoft.com/office/drawing/2014/main" id="{9ED86236-785C-43B5-96D8-341016C7365C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757" b="4757"/>
          <a:stretch>
            <a:fillRect/>
          </a:stretch>
        </p:blipFill>
        <p:spPr>
          <a:blipFill dpi="0" rotWithShape="1">
            <a:blip r:embed="rId4"/>
            <a:srcRect/>
            <a:stretch>
              <a:fillRect/>
            </a:stretch>
          </a:blipFill>
        </p:spPr>
      </p:pic>
      <p:sp>
        <p:nvSpPr>
          <p:cNvPr id="5" name="Pladsholder til tekst 4" descr="Billede af Benjamin Hav">
            <a:extLst>
              <a:ext uri="{FF2B5EF4-FFF2-40B4-BE49-F238E27FC236}">
                <a16:creationId xmlns:a16="http://schemas.microsoft.com/office/drawing/2014/main" id="{6148979E-E487-D747-D7AE-87681D3A552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a-DK" sz="2000" dirty="0"/>
              <a:t>Benjamin Hav har hjulpet børnene med sangen og med gode råd om fyrværkeri.</a:t>
            </a:r>
          </a:p>
          <a:p>
            <a:endParaRPr lang="da-DK" sz="2000" dirty="0"/>
          </a:p>
          <a:p>
            <a:endParaRPr lang="da-DK" sz="2000" dirty="0"/>
          </a:p>
          <a:p>
            <a:r>
              <a:rPr lang="da-DK" sz="2000" dirty="0"/>
              <a:t>Se videoen med </a:t>
            </a:r>
          </a:p>
          <a:p>
            <a:r>
              <a:rPr lang="da-DK" sz="2000" dirty="0"/>
              <a:t>Benjamin Hav:</a:t>
            </a:r>
          </a:p>
          <a:p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id="{C10D70ED-41DD-6D94-B94E-FD3F0069D9C5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dirty="0"/>
              <a:t>Side</a:t>
            </a:r>
          </a:p>
        </p:txBody>
      </p:sp>
      <p:pic>
        <p:nvPicPr>
          <p:cNvPr id="9" name="Grafik 8" descr="Afspil symbol">
            <a:hlinkClick r:id="rId5"/>
            <a:extLst>
              <a:ext uri="{FF2B5EF4-FFF2-40B4-BE49-F238E27FC236}">
                <a16:creationId xmlns:a16="http://schemas.microsoft.com/office/drawing/2014/main" id="{C27CE75B-A81D-468C-BE30-4003A91354C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638183" y="3429000"/>
            <a:ext cx="3020404" cy="13302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930606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ladsholder til billede 8" descr="Børn der kigger på fyrværkeri ">
            <a:extLst>
              <a:ext uri="{FF2B5EF4-FFF2-40B4-BE49-F238E27FC236}">
                <a16:creationId xmlns:a16="http://schemas.microsoft.com/office/drawing/2014/main" id="{91FE607E-AA85-4656-A39C-EE532092A25F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446" r="11446"/>
          <a:stretch>
            <a:fillRect/>
          </a:stretch>
        </p:blipFill>
        <p:spPr/>
      </p:pic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8D918DCE-2AA5-BF96-DDEB-6E08058164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Fyrværkerisikkerhed for 4.-6. klasse - 2025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057797AB-0437-4FDA-3C26-63051D5FB4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t>4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E801FF1-FBF3-9E22-B3D9-2DD85B1931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ender I fyrværkerirådene?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6148979E-E487-D747-D7AE-87681D3A552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numCol="1"/>
          <a:lstStyle/>
          <a:p>
            <a:r>
              <a:rPr lang="da-DK" sz="2800" dirty="0">
                <a:latin typeface="+mj-lt"/>
              </a:rPr>
              <a:t>De 5 fyrværkeriråd</a:t>
            </a:r>
            <a:br>
              <a:rPr lang="da-DK" sz="2800" dirty="0">
                <a:latin typeface="+mj-lt"/>
              </a:rPr>
            </a:br>
            <a:endParaRPr lang="da-DK" sz="2800" dirty="0">
              <a:latin typeface="+mj-lt"/>
            </a:endParaRPr>
          </a:p>
          <a:p>
            <a:pPr marL="457200" indent="-457200">
              <a:buFont typeface="+mj-lt"/>
              <a:buAutoNum type="arabicPeriod"/>
            </a:pPr>
            <a:r>
              <a:rPr lang="da-DK" sz="2400" dirty="0"/>
              <a:t>Brug altid sikkerhedsbriller</a:t>
            </a:r>
          </a:p>
          <a:p>
            <a:pPr marL="457200" indent="-457200">
              <a:buFont typeface="+mj-lt"/>
              <a:buAutoNum type="arabicPeriod"/>
            </a:pPr>
            <a:r>
              <a:rPr lang="da-DK" sz="2400" dirty="0"/>
              <a:t>Brug kun lovligt og aldrig hjemmelavet eller ulovligt fyrværkeri</a:t>
            </a:r>
          </a:p>
          <a:p>
            <a:pPr marL="457200" indent="-457200">
              <a:buFont typeface="+mj-lt"/>
              <a:buAutoNum type="arabicPeriod"/>
            </a:pPr>
            <a:r>
              <a:rPr lang="da-DK" sz="2400" dirty="0"/>
              <a:t>Hold aldrig tændt fyrværkeri i hånden</a:t>
            </a:r>
          </a:p>
          <a:p>
            <a:pPr marL="457200" indent="-457200">
              <a:buFont typeface="+mj-lt"/>
              <a:buAutoNum type="arabicPeriod"/>
            </a:pPr>
            <a:r>
              <a:rPr lang="da-DK" sz="2400" dirty="0"/>
              <a:t>Hold sikkerhedsafstanden og læn dig ikke ind over fyrværkeriet</a:t>
            </a:r>
          </a:p>
          <a:p>
            <a:pPr marL="457200" indent="-457200">
              <a:buFont typeface="+mj-lt"/>
              <a:buAutoNum type="arabicPeriod"/>
            </a:pPr>
            <a:r>
              <a:rPr lang="da-DK" sz="2400" dirty="0"/>
              <a:t>Gå aldrig tilbage til en fuser</a:t>
            </a:r>
          </a:p>
          <a:p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id="{C10D70ED-41DD-6D94-B94E-FD3F0069D9C5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dirty="0"/>
              <a:t>Sid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510587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42287B8E-844E-F8B2-247C-D8BCB05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err="1"/>
              <a:t>Fyrværkerisikkerhed</a:t>
            </a:r>
            <a:r>
              <a:rPr lang="en-US" dirty="0"/>
              <a:t> for 4.-6. </a:t>
            </a:r>
            <a:r>
              <a:rPr lang="en-US" dirty="0" err="1"/>
              <a:t>klasse</a:t>
            </a:r>
            <a:r>
              <a:rPr lang="en-US" dirty="0"/>
              <a:t> - 2025</a:t>
            </a:r>
          </a:p>
        </p:txBody>
      </p:sp>
      <p:sp>
        <p:nvSpPr>
          <p:cNvPr id="11" name="Pladsholder til slidenummer 10">
            <a:extLst>
              <a:ext uri="{FF2B5EF4-FFF2-40B4-BE49-F238E27FC236}">
                <a16:creationId xmlns:a16="http://schemas.microsoft.com/office/drawing/2014/main" id="{F19FB792-A6C0-8307-126C-F019BAE079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pPr/>
              <a:t>5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B2B37B7C-8E2B-BD96-B755-3D803BA2ED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7" y="331200"/>
            <a:ext cx="8638780" cy="651660"/>
          </a:xfrm>
        </p:spPr>
        <p:txBody>
          <a:bodyPr/>
          <a:lstStyle/>
          <a:p>
            <a:r>
              <a:rPr lang="da-DK" dirty="0"/>
              <a:t>Kan I svare på spørgsmålene?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1744AA1-075C-CF2F-5199-84FCE76418A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1824036"/>
            <a:ext cx="5278755" cy="4338729"/>
          </a:xfrm>
        </p:spPr>
        <p:txBody>
          <a:bodyPr/>
          <a:lstStyle/>
          <a:p>
            <a:r>
              <a:rPr lang="da-DK" sz="2000" dirty="0"/>
              <a:t>Nu kommer der nogle spørgsmål om de fem fyrværkeriråd. </a:t>
            </a:r>
          </a:p>
          <a:p>
            <a:r>
              <a:rPr lang="da-DK" sz="2000" dirty="0"/>
              <a:t>Spørgsmålet står nederst på skærmen, og på næste billede får I hjælp til svaret. 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sz="1800" i="1" dirty="0"/>
              <a:t>Spørgsmål 1</a:t>
            </a:r>
          </a:p>
          <a:p>
            <a:r>
              <a:rPr lang="da-DK" sz="2400" dirty="0">
                <a:latin typeface="+mj-lt"/>
              </a:rPr>
              <a:t>Hvorfor skal man bruge sikkerhedsbriller?</a:t>
            </a:r>
          </a:p>
          <a:p>
            <a:endParaRPr lang="da-DK" sz="1800" i="1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E87010A4-BA66-753C-1E38-5BA14C06EBAE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en-US" dirty="0"/>
              <a:t>Side</a:t>
            </a:r>
          </a:p>
        </p:txBody>
      </p:sp>
      <p:pic>
        <p:nvPicPr>
          <p:cNvPr id="9" name="Pladsholder til billede 8" descr="Dreng der holder et skilt med et spørgsmålstegn">
            <a:extLst>
              <a:ext uri="{FF2B5EF4-FFF2-40B4-BE49-F238E27FC236}">
                <a16:creationId xmlns:a16="http://schemas.microsoft.com/office/drawing/2014/main" id="{95AA9A13-B0CC-49AE-9523-0BDD5FA9C085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7" r="47"/>
          <a:stretch>
            <a:fillRect/>
          </a:stretch>
        </p:blipFill>
        <p:spPr/>
      </p:pic>
    </p:spTree>
    <p:custDataLst>
      <p:tags r:id="rId1"/>
    </p:custDataLst>
    <p:extLst>
      <p:ext uri="{BB962C8B-B14F-4D97-AF65-F5344CB8AC3E}">
        <p14:creationId xmlns:p14="http://schemas.microsoft.com/office/powerpoint/2010/main" val="326859174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42287B8E-844E-F8B2-247C-D8BCB05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err="1"/>
              <a:t>Fyrværkerisikkerhed</a:t>
            </a:r>
            <a:r>
              <a:rPr lang="en-US" dirty="0"/>
              <a:t> for 4.-6. </a:t>
            </a:r>
            <a:r>
              <a:rPr lang="en-US" dirty="0" err="1"/>
              <a:t>klasse</a:t>
            </a:r>
            <a:r>
              <a:rPr lang="en-US" dirty="0"/>
              <a:t> - 2025</a:t>
            </a:r>
          </a:p>
        </p:txBody>
      </p:sp>
      <p:sp>
        <p:nvSpPr>
          <p:cNvPr id="11" name="Pladsholder til slidenummer 10">
            <a:extLst>
              <a:ext uri="{FF2B5EF4-FFF2-40B4-BE49-F238E27FC236}">
                <a16:creationId xmlns:a16="http://schemas.microsoft.com/office/drawing/2014/main" id="{F19FB792-A6C0-8307-126C-F019BAE079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pPr/>
              <a:t>6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B2B37B7C-8E2B-BD96-B755-3D803BA2ED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for skal man bruge sikkerhedsbriller?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1744AA1-075C-CF2F-5199-84FCE76418A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1569720"/>
            <a:ext cx="4916969" cy="4293009"/>
          </a:xfrm>
        </p:spPr>
        <p:txBody>
          <a:bodyPr/>
          <a:lstStyle/>
          <a:p>
            <a:r>
              <a:rPr lang="da-DK" sz="2000" dirty="0"/>
              <a:t>Det er farligt at blive ramt i øjnene med fyrværkeri. Så kan man blive blind.</a:t>
            </a:r>
          </a:p>
          <a:p>
            <a:endParaRPr lang="da-DK" sz="2000" dirty="0"/>
          </a:p>
          <a:p>
            <a:r>
              <a:rPr lang="da-DK" sz="2000" dirty="0"/>
              <a:t>Med sikkerhedsbriller passer man på sine øjne. De beskytter både hvis man bliver ramt af gnister eller fyrværkeristumper direkte i ansigtet og hvis man bliver ramt fra siden. </a:t>
            </a:r>
          </a:p>
          <a:p>
            <a:endParaRPr lang="da-DK" dirty="0"/>
          </a:p>
          <a:p>
            <a:endParaRPr lang="da-DK" sz="2000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E87010A4-BA66-753C-1E38-5BA14C06EBAE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en-US" dirty="0"/>
              <a:t>Side</a:t>
            </a:r>
          </a:p>
        </p:txBody>
      </p:sp>
      <p:sp>
        <p:nvSpPr>
          <p:cNvPr id="16" name="Rektangel 15">
            <a:extLst>
              <a:ext uri="{FF2B5EF4-FFF2-40B4-BE49-F238E27FC236}">
                <a16:creationId xmlns:a16="http://schemas.microsoft.com/office/drawing/2014/main" id="{BF8FFD1F-BEAE-4DB6-9855-B3497F833899}"/>
              </a:ext>
            </a:extLst>
          </p:cNvPr>
          <p:cNvSpPr/>
          <p:nvPr/>
        </p:nvSpPr>
        <p:spPr>
          <a:xfrm>
            <a:off x="542926" y="4998720"/>
            <a:ext cx="5339714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i="1" dirty="0"/>
              <a:t>Spørgsmål 2</a:t>
            </a:r>
          </a:p>
          <a:p>
            <a:r>
              <a:rPr lang="da-DK" sz="2400" dirty="0">
                <a:latin typeface="+mj-lt"/>
              </a:rPr>
              <a:t>Hvad er lovligt fyrværkeri og hvorfor må man ikke lave fyrværkeri selv?</a:t>
            </a:r>
          </a:p>
        </p:txBody>
      </p:sp>
      <p:pic>
        <p:nvPicPr>
          <p:cNvPr id="20" name="Pladsholder til billede 19" descr="Dreng med sikkerhedsbriller på ">
            <a:extLst>
              <a:ext uri="{FF2B5EF4-FFF2-40B4-BE49-F238E27FC236}">
                <a16:creationId xmlns:a16="http://schemas.microsoft.com/office/drawing/2014/main" id="{4942A021-6B70-444F-8CB0-B1C877549F1F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67" b="1367"/>
          <a:stretch>
            <a:fillRect/>
          </a:stretch>
        </p:blipFill>
        <p:spPr>
          <a:xfrm>
            <a:off x="7756525" y="1322388"/>
            <a:ext cx="3794125" cy="5535612"/>
          </a:xfr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F011C448-DEFF-4B7B-9F55-A1ED1EEEB21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4804" y="5882154"/>
            <a:ext cx="975846" cy="97584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00860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42287B8E-844E-F8B2-247C-D8BCB05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err="1"/>
              <a:t>Fyrværkerisikkerhed</a:t>
            </a:r>
            <a:r>
              <a:rPr lang="en-US" dirty="0"/>
              <a:t> for 4.-6. </a:t>
            </a:r>
            <a:r>
              <a:rPr lang="en-US" dirty="0" err="1"/>
              <a:t>klasse</a:t>
            </a:r>
            <a:r>
              <a:rPr lang="en-US" dirty="0"/>
              <a:t> - 2025</a:t>
            </a:r>
          </a:p>
        </p:txBody>
      </p:sp>
      <p:sp>
        <p:nvSpPr>
          <p:cNvPr id="11" name="Pladsholder til slidenummer 10">
            <a:extLst>
              <a:ext uri="{FF2B5EF4-FFF2-40B4-BE49-F238E27FC236}">
                <a16:creationId xmlns:a16="http://schemas.microsoft.com/office/drawing/2014/main" id="{F19FB792-A6C0-8307-126C-F019BAE079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pPr/>
              <a:t>7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B2B37B7C-8E2B-BD96-B755-3D803BA2ED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Hvad er lovligt fyrværkeri og hvorfor må man ikke lave fyrværkeri selv?</a:t>
            </a:r>
            <a:br>
              <a:rPr lang="da-DK" sz="3600" dirty="0"/>
            </a:b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1744AA1-075C-CF2F-5199-84FCE76418A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2927" y="1937188"/>
            <a:ext cx="6886574" cy="3051444"/>
          </a:xfrm>
        </p:spPr>
        <p:txBody>
          <a:bodyPr/>
          <a:lstStyle/>
          <a:p>
            <a:r>
              <a:rPr lang="da-DK" sz="1900" dirty="0"/>
              <a:t>Lovligt fyrværkeri er noget, der er købt i en butik, der kender reglerne for fyrværkeri. </a:t>
            </a:r>
          </a:p>
          <a:p>
            <a:endParaRPr lang="da-DK" sz="1900" dirty="0"/>
          </a:p>
          <a:p>
            <a:r>
              <a:rPr lang="da-DK" sz="1900" dirty="0"/>
              <a:t>Hjemmelavet fyrværkeri kan være farligt, fordi det pludselig kan brænde eller eksplodere, så man kan komme til skade.  </a:t>
            </a:r>
          </a:p>
          <a:p>
            <a:r>
              <a:rPr lang="da-DK" sz="1900" dirty="0"/>
              <a:t>På lovligt fyrværkeri står der, hvordan det skal bruges, og der er et CE-mærke.</a:t>
            </a:r>
          </a:p>
          <a:p>
            <a:endParaRPr lang="da-DK" dirty="0">
              <a:latin typeface="+mj-lt"/>
            </a:endParaRPr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E87010A4-BA66-753C-1E38-5BA14C06EBAE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 dirty="0"/>
              <a:t>Side</a:t>
            </a:r>
          </a:p>
        </p:txBody>
      </p:sp>
      <p:sp>
        <p:nvSpPr>
          <p:cNvPr id="16" name="Rektangel 15">
            <a:extLst>
              <a:ext uri="{FF2B5EF4-FFF2-40B4-BE49-F238E27FC236}">
                <a16:creationId xmlns:a16="http://schemas.microsoft.com/office/drawing/2014/main" id="{C6DF4183-3B86-4E75-A2E6-E5320BF086C9}"/>
              </a:ext>
            </a:extLst>
          </p:cNvPr>
          <p:cNvSpPr/>
          <p:nvPr/>
        </p:nvSpPr>
        <p:spPr>
          <a:xfrm>
            <a:off x="641237" y="5106428"/>
            <a:ext cx="5339714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i="1" dirty="0"/>
              <a:t>Spørgsmål 3</a:t>
            </a:r>
          </a:p>
          <a:p>
            <a:r>
              <a:rPr lang="da-DK" sz="2400" dirty="0">
                <a:latin typeface="+mj-lt"/>
              </a:rPr>
              <a:t>Hvorfor må man ikke holde tændt fyrværkeri i hånden?</a:t>
            </a:r>
          </a:p>
        </p:txBody>
      </p:sp>
      <p:pic>
        <p:nvPicPr>
          <p:cNvPr id="21" name="Pladsholder til billede 20" descr="Billede af en æske med fyrværkeri ">
            <a:extLst>
              <a:ext uri="{FF2B5EF4-FFF2-40B4-BE49-F238E27FC236}">
                <a16:creationId xmlns:a16="http://schemas.microsoft.com/office/drawing/2014/main" id="{AAD65EC1-8B2C-41E5-9FDC-229770268AE8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835" r="24835"/>
          <a:stretch>
            <a:fillRect/>
          </a:stretch>
        </p:blipFill>
        <p:spPr/>
      </p:pic>
      <p:pic>
        <p:nvPicPr>
          <p:cNvPr id="5" name="Billede 4" descr="Billede af et CE mærke">
            <a:extLst>
              <a:ext uri="{FF2B5EF4-FFF2-40B4-BE49-F238E27FC236}">
                <a16:creationId xmlns:a16="http://schemas.microsoft.com/office/drawing/2014/main" id="{790C6465-E14A-4534-A874-F5E0ED3ECC9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4495" y="3053804"/>
            <a:ext cx="1832912" cy="129164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4667588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42287B8E-844E-F8B2-247C-D8BCB05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err="1"/>
              <a:t>Fyrværkerisikkerhed</a:t>
            </a:r>
            <a:r>
              <a:rPr lang="en-US" dirty="0"/>
              <a:t> for 4.-6. </a:t>
            </a:r>
            <a:r>
              <a:rPr lang="en-US" dirty="0" err="1"/>
              <a:t>klasse</a:t>
            </a:r>
            <a:r>
              <a:rPr lang="en-US" dirty="0"/>
              <a:t> - 2025</a:t>
            </a:r>
          </a:p>
        </p:txBody>
      </p:sp>
      <p:sp>
        <p:nvSpPr>
          <p:cNvPr id="11" name="Pladsholder til slidenummer 10">
            <a:extLst>
              <a:ext uri="{FF2B5EF4-FFF2-40B4-BE49-F238E27FC236}">
                <a16:creationId xmlns:a16="http://schemas.microsoft.com/office/drawing/2014/main" id="{F19FB792-A6C0-8307-126C-F019BAE079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pPr/>
              <a:t>8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B2B37B7C-8E2B-BD96-B755-3D803BA2ED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926" y="331200"/>
            <a:ext cx="11161393" cy="651660"/>
          </a:xfrm>
        </p:spPr>
        <p:txBody>
          <a:bodyPr/>
          <a:lstStyle/>
          <a:p>
            <a:r>
              <a:rPr lang="da-DK" sz="3600" dirty="0"/>
              <a:t>Hvorfor må man ikke holde tændt fyrværkeri i hånden?</a:t>
            </a:r>
            <a:br>
              <a:rPr lang="da-DK" sz="3600" dirty="0"/>
            </a:b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1744AA1-075C-CF2F-5199-84FCE76418A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1874520"/>
            <a:ext cx="3891912" cy="3988209"/>
          </a:xfrm>
        </p:spPr>
        <p:txBody>
          <a:bodyPr/>
          <a:lstStyle/>
          <a:p>
            <a:r>
              <a:rPr lang="da-DK" sz="2000" dirty="0"/>
              <a:t>Fyrværkeri bliver meget varmt, når det er tændt, og det kan eksplodere. </a:t>
            </a:r>
          </a:p>
          <a:p>
            <a:endParaRPr lang="da-DK" sz="2000" dirty="0"/>
          </a:p>
          <a:p>
            <a:r>
              <a:rPr lang="da-DK" sz="2000" dirty="0"/>
              <a:t>Hvis man holder fyrværkeri i hånden, når det ikke er beregnet til det, risikerer man at komme til skade. </a:t>
            </a:r>
          </a:p>
          <a:p>
            <a:endParaRPr lang="da-DK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E87010A4-BA66-753C-1E38-5BA14C06EBAE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en-US" dirty="0"/>
              <a:t>Side</a:t>
            </a:r>
          </a:p>
        </p:txBody>
      </p:sp>
      <p:sp>
        <p:nvSpPr>
          <p:cNvPr id="12" name="Rektangel 11">
            <a:extLst>
              <a:ext uri="{FF2B5EF4-FFF2-40B4-BE49-F238E27FC236}">
                <a16:creationId xmlns:a16="http://schemas.microsoft.com/office/drawing/2014/main" id="{7B786076-6E1E-4D60-8CD7-E6DF50EA1FF4}"/>
              </a:ext>
            </a:extLst>
          </p:cNvPr>
          <p:cNvSpPr/>
          <p:nvPr/>
        </p:nvSpPr>
        <p:spPr>
          <a:xfrm>
            <a:off x="542927" y="5313954"/>
            <a:ext cx="4804525" cy="6771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i="1" dirty="0"/>
              <a:t>Spørgsmål 4</a:t>
            </a:r>
          </a:p>
          <a:p>
            <a:r>
              <a:rPr lang="da-DK" sz="2000" dirty="0">
                <a:latin typeface="+mj-lt"/>
              </a:rPr>
              <a:t>Hvad vil det sige at holde afstand?</a:t>
            </a:r>
          </a:p>
        </p:txBody>
      </p:sp>
      <p:pic>
        <p:nvPicPr>
          <p:cNvPr id="19" name="Pladsholder til billede 18" descr="Billede af en hånd der holder fyrværkeri i hånden ">
            <a:extLst>
              <a:ext uri="{FF2B5EF4-FFF2-40B4-BE49-F238E27FC236}">
                <a16:creationId xmlns:a16="http://schemas.microsoft.com/office/drawing/2014/main" id="{12C3FFDE-EAE9-4B29-A0B5-D369F5641042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730" r="15730"/>
          <a:stretch>
            <a:fillRect/>
          </a:stretch>
        </p:blipFill>
        <p:spPr/>
      </p:pic>
    </p:spTree>
    <p:custDataLst>
      <p:tags r:id="rId1"/>
    </p:custDataLst>
    <p:extLst>
      <p:ext uri="{BB962C8B-B14F-4D97-AF65-F5344CB8AC3E}">
        <p14:creationId xmlns:p14="http://schemas.microsoft.com/office/powerpoint/2010/main" val="280865664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42287B8E-844E-F8B2-247C-D8BCB05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err="1"/>
              <a:t>Fyrværkerisikkerhed</a:t>
            </a:r>
            <a:r>
              <a:rPr lang="en-US" dirty="0"/>
              <a:t> for 4.-6. </a:t>
            </a:r>
            <a:r>
              <a:rPr lang="en-US" dirty="0" err="1"/>
              <a:t>klasse</a:t>
            </a:r>
            <a:r>
              <a:rPr lang="en-US" dirty="0"/>
              <a:t> - 2025</a:t>
            </a:r>
          </a:p>
        </p:txBody>
      </p:sp>
      <p:sp>
        <p:nvSpPr>
          <p:cNvPr id="11" name="Pladsholder til slidenummer 10">
            <a:extLst>
              <a:ext uri="{FF2B5EF4-FFF2-40B4-BE49-F238E27FC236}">
                <a16:creationId xmlns:a16="http://schemas.microsoft.com/office/drawing/2014/main" id="{F19FB792-A6C0-8307-126C-F019BAE079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B68EBF-68D0-4C65-A5A0-9AF2BF6CD718}" type="slidenum">
              <a:rPr lang="da-DK" smtClean="0"/>
              <a:pPr/>
              <a:t>9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B2B37B7C-8E2B-BD96-B755-3D803BA2ED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b="1" dirty="0"/>
              <a:t>Hvad vil det sige at holde afstand?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1744AA1-075C-CF2F-5199-84FCE76418A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2927" y="1767841"/>
            <a:ext cx="3457573" cy="2849880"/>
          </a:xfrm>
        </p:spPr>
        <p:txBody>
          <a:bodyPr/>
          <a:lstStyle/>
          <a:p>
            <a:r>
              <a:rPr lang="da-DK" sz="2000" dirty="0"/>
              <a:t>På fyrværkeriet står der, hvor langt man skal være væk, når fyrværkeriet bliver skudt af, så man ikke kommer til skade.</a:t>
            </a:r>
          </a:p>
          <a:p>
            <a:endParaRPr lang="da-DK" sz="2000" dirty="0"/>
          </a:p>
          <a:p>
            <a:endParaRPr lang="da-DK" sz="2000" dirty="0"/>
          </a:p>
          <a:p>
            <a:r>
              <a:rPr lang="da-DK" sz="2000" dirty="0"/>
              <a:t>Det kan fx være 5 eller 8 meter. Ved I, hvor langt det er?</a:t>
            </a:r>
          </a:p>
          <a:p>
            <a:endParaRPr lang="da-DK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E87010A4-BA66-753C-1E38-5BA14C06EBAE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en-US" dirty="0"/>
              <a:t>Side</a:t>
            </a:r>
          </a:p>
        </p:txBody>
      </p:sp>
      <p:sp>
        <p:nvSpPr>
          <p:cNvPr id="16" name="Rektangel 15">
            <a:extLst>
              <a:ext uri="{FF2B5EF4-FFF2-40B4-BE49-F238E27FC236}">
                <a16:creationId xmlns:a16="http://schemas.microsoft.com/office/drawing/2014/main" id="{5F678D2A-6D73-4608-9480-897DEEB1699B}"/>
              </a:ext>
            </a:extLst>
          </p:cNvPr>
          <p:cNvSpPr/>
          <p:nvPr/>
        </p:nvSpPr>
        <p:spPr>
          <a:xfrm>
            <a:off x="542927" y="5313954"/>
            <a:ext cx="4804525" cy="98488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i="1" dirty="0"/>
              <a:t>Spørgsmål 5</a:t>
            </a:r>
          </a:p>
          <a:p>
            <a:r>
              <a:rPr lang="da-DK" sz="2000" dirty="0">
                <a:latin typeface="+mj-lt"/>
              </a:rPr>
              <a:t>Hvad betyder det, at man ikke må gå hen til en fuser?</a:t>
            </a:r>
          </a:p>
        </p:txBody>
      </p:sp>
      <p:pic>
        <p:nvPicPr>
          <p:cNvPr id="8" name="Pladsholder til billede 7" descr="Billede af et målebånd">
            <a:extLst>
              <a:ext uri="{FF2B5EF4-FFF2-40B4-BE49-F238E27FC236}">
                <a16:creationId xmlns:a16="http://schemas.microsoft.com/office/drawing/2014/main" id="{80DC4575-BBA4-457B-8E2B-79DA92EA45C7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794" r="30794"/>
          <a:stretch>
            <a:fillRect/>
          </a:stretch>
        </p:blipFill>
        <p:spPr/>
      </p:pic>
    </p:spTree>
    <p:custDataLst>
      <p:tags r:id="rId1"/>
    </p:custDataLst>
    <p:extLst>
      <p:ext uri="{BB962C8B-B14F-4D97-AF65-F5344CB8AC3E}">
        <p14:creationId xmlns:p14="http://schemas.microsoft.com/office/powerpoint/2010/main" val="13730254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17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3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3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3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2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29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29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3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3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3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3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670971238809931"/>
</p:tagLst>
</file>

<file path=ppt/theme/theme1.xml><?xml version="1.0" encoding="utf-8"?>
<a:theme xmlns:a="http://schemas.openxmlformats.org/drawingml/2006/main" name="Office-tema">
  <a:themeElements>
    <a:clrScheme name="Sikkerhedsstyrelsen">
      <a:dk1>
        <a:sysClr val="windowText" lastClr="000000"/>
      </a:dk1>
      <a:lt1>
        <a:sysClr val="window" lastClr="FFFFFF"/>
      </a:lt1>
      <a:dk2>
        <a:srgbClr val="0E2841"/>
      </a:dk2>
      <a:lt2>
        <a:srgbClr val="E5E9ED"/>
      </a:lt2>
      <a:accent1>
        <a:srgbClr val="073331"/>
      </a:accent1>
      <a:accent2>
        <a:srgbClr val="006E62"/>
      </a:accent2>
      <a:accent3>
        <a:srgbClr val="5A507C"/>
      </a:accent3>
      <a:accent4>
        <a:srgbClr val="B4CAE4"/>
      </a:accent4>
      <a:accent5>
        <a:srgbClr val="E5E9ED"/>
      </a:accent5>
      <a:accent6>
        <a:srgbClr val="E3ECF4"/>
      </a:accent6>
      <a:hlink>
        <a:srgbClr val="006E62"/>
      </a:hlink>
      <a:folHlink>
        <a:srgbClr val="5A507C"/>
      </a:folHlink>
    </a:clrScheme>
    <a:fontScheme name="Sikkerhedsstyrelsen Franklin Gothic">
      <a:majorFont>
        <a:latin typeface="Franklin Gothic Demi"/>
        <a:ea typeface=""/>
        <a:cs typeface=""/>
      </a:majorFont>
      <a:minorFont>
        <a:latin typeface="Franklin Gothic Boo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owerPoint_Franklin_Gothic_05 2.potx" id="{AA3A78D5-A5F5-4DAC-A690-2B2E97E12F06}" vid="{F71034F8-292A-41BF-81AB-33D16E36630C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PowerPoint_Franklin_Gothic_05 2</Template>
  <TotalTime>5219</TotalTime>
  <Words>1027</Words>
  <Application>Microsoft Office PowerPoint</Application>
  <PresentationFormat>Widescreen</PresentationFormat>
  <Paragraphs>180</Paragraphs>
  <Slides>13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20" baseType="lpstr">
      <vt:lpstr>ＭＳ Ｐゴシック</vt:lpstr>
      <vt:lpstr>Aptos</vt:lpstr>
      <vt:lpstr>Arial</vt:lpstr>
      <vt:lpstr>Franklin Gothic Book</vt:lpstr>
      <vt:lpstr>Franklin Gothic Demi</vt:lpstr>
      <vt:lpstr>Wingdings</vt:lpstr>
      <vt:lpstr>Office-tema</vt:lpstr>
      <vt:lpstr>Brug fyrværkeriet sikkert</vt:lpstr>
      <vt:lpstr>Fyrværkeri kan være farligt</vt:lpstr>
      <vt:lpstr>Hør hvad Benjamin Hav får at vide om fyrværkeri</vt:lpstr>
      <vt:lpstr>Kender I fyrværkerirådene?</vt:lpstr>
      <vt:lpstr>Kan I svare på spørgsmålene?</vt:lpstr>
      <vt:lpstr>Hvorfor skal man bruge sikkerhedsbriller?</vt:lpstr>
      <vt:lpstr>Hvad er lovligt fyrværkeri og hvorfor må man ikke lave fyrværkeri selv? </vt:lpstr>
      <vt:lpstr>Hvorfor må man ikke holde tændt fyrværkeri i hånden? </vt:lpstr>
      <vt:lpstr>Hvad vil det sige at holde afstand?</vt:lpstr>
      <vt:lpstr>Hvad betyder det, at man ikke må gå hen til en fuser? </vt:lpstr>
      <vt:lpstr>Hør fyrværkerisangen igen – hvad er budskabet i teksten?</vt:lpstr>
      <vt:lpstr>Vil I være med i en konkurrence?</vt:lpstr>
      <vt:lpstr>Godt nytår  - og husk nu  sikkerhedsbrillerne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orsidetitel skrives  i maks to linjer</dc:title>
  <dc:creator>Mette Vind Jepsen</dc:creator>
  <cp:lastModifiedBy>Boris Gøbel Schmidt</cp:lastModifiedBy>
  <cp:revision>80</cp:revision>
  <dcterms:created xsi:type="dcterms:W3CDTF">2024-11-13T12:11:49Z</dcterms:created>
  <dcterms:modified xsi:type="dcterms:W3CDTF">2025-12-01T08:12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sikkerhedsstyrelsen</vt:lpwstr>
  </property>
  <property fmtid="{D5CDD505-2E9C-101B-9397-08002B2CF9AE}" pid="3" name="TemplateId">
    <vt:lpwstr>638670971234040801</vt:lpwstr>
  </property>
  <property fmtid="{D5CDD505-2E9C-101B-9397-08002B2CF9AE}" pid="4" name="UserProfileId">
    <vt:lpwstr>636271643105131013</vt:lpwstr>
  </property>
</Properties>
</file>